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47\"/>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794" uniqueCount="565">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14/11/2020</t>
  </si>
  <si>
    <t>07:00:00:00</t>
  </si>
  <si>
    <t>Gare centrale : Zürich Hauptbahnhof, la pendule cosmique helvète</t>
  </si>
  <si>
    <t>Gare centrale</t>
  </si>
  <si>
    <t>Zürich Hauptbahnhof, la pendule cosmique helvète</t>
  </si>
  <si>
    <t>01:00</t>
  </si>
  <si>
    <t>France</t>
  </si>
  <si>
    <t>Jean-Thomas Renaud</t>
  </si>
  <si>
    <t>Au bout de la Bahnhofstrasse, l’imposante façade de calcaire néo-renaissance abrite des halls, des salons et restaurants richement décorés. Au sommet de la façade plastronne Helvetia, femme allégorie de la confédération. Car la plus belle et la plus grande gare de Suisse se trouve à Zurich : Zürich HB, pour Hauptbahnhof, gare principale. La gare historique avec ses tours néo-classiques, incarne la prospérité de l’ère industrielle helvète qui voit le chemin de fer exploser. Zürich HB aujourd’hui cache bien son jeu, avec sous le sol de marbre, une installation ultramoderne, modèle d’intermodalité et de cadencement entre les différents moyens de transports : trains à grande vitesse, tramways, express régionaux, vélos… La gare est en fait un hub de transport, entrelac de voies qui s’étendent sur trois niveaux et où transitent près de 500 000 voyageurs quotidiens.</t>
  </si>
  <si>
    <t>08:00:00:00</t>
  </si>
  <si>
    <t>P0785169</t>
  </si>
  <si>
    <t>Cuba, l'île sanctuaire : L'esprit de la Havane</t>
  </si>
  <si>
    <t>Cuba, l'île sanctuaire</t>
  </si>
  <si>
    <t>L’esprit de la Havane</t>
  </si>
  <si>
    <t>Pierre Belet</t>
  </si>
  <si>
    <t>Le rapprochement historique entre Cuba et les États-Unis et la levée récente de l’embargo invitent à re-découvrir cette île mythique. Quasi-coupée du monde pendant près de 60 ans, Cuba a su s’adapter, développer un art de la débrouille et affirmer sa singularité, son identité. Elle a su inventer un modèle de développement raisonné. Et celle qu’on considérait hier comme l’enfant rebelle des caraïbes pourrait bien être regardée aujourd’hui comme l’enfant modèle.
Nous partirons à la rencontre des havanais, ces femmes et ces hommes qui entretiennent chaque jour cet art de vivre propre à la capitale cubaine, lieu au charme unique.
Des artistes du Callejon de Hamel aux défenseurs chevronnés du patrimoine architectural de la ville, nous découvrirons comment l’esprit de La Havane a façonné une cité originale à la modernité inattendue.</t>
  </si>
  <si>
    <t>09:00:00:00</t>
  </si>
  <si>
    <t>P0878681</t>
  </si>
  <si>
    <t>Les plus beaux treks : Les gorges du Verdon</t>
  </si>
  <si>
    <t>Les plus beaux treks</t>
  </si>
  <si>
    <t>Les gorges du Verdon</t>
  </si>
  <si>
    <t>Laurent Bouit</t>
  </si>
  <si>
    <t>Le grand canyon du Verdon est l’un des sites les plus spectaculaires d’Europe. On peut y retourner sans cesse tout en étant à chaque fois frappé par le gigantisme de ces gorges au fond desquelles coule le Verdon, la rivière qui définit cet espace géographique entre le haut Verdon encore très alpin, et le bas Verdon qui annonce clairement la Provence. À pied, c’est l’assurance de vivre des sensations fortes ! Que ce soit à travers les montagnes ultra sauvages du haut Verdon, au fond du Canyon avec les sentiers Martel et de l’Imbut taillés à même la roche et bien sûr en haut des gorges où il ne faut pas avoir le vertige. C’est la Mecque de la grimpe et des sports d’eaux vives. Mais c’est à pied et avec Coralie Goussot que nous traversons les gorges du Verdon au printemps.</t>
  </si>
  <si>
    <t>09:55:00:00</t>
  </si>
  <si>
    <t>P0878683</t>
  </si>
  <si>
    <t>Les plus beaux treks : Les volcans d'Auvergne</t>
  </si>
  <si>
    <t>Les volcans d'Auvergne</t>
  </si>
  <si>
    <t>Au nord de l’Auvergne, le parc des Volcans qui vient d’être classé au patrimoine de l’Unesco est un écrin propice aux randonnées à la journée et aux itinérances douces dans un paysage unique de moyenne montagne. Les volcans d’Auvergne avec leurs formes caractéristiques sont connus par tous, mais il faut aller marcher sur les bords des cratères, entre terre et ciel, pour partir en immersion dans cette histoire géologique complexe et loin d’être terminée. Fanny Sorbadere nous guide dans cet univers. Accompagnatrice en montagne mais aussi et surtout vulcanologue, avec un goût prononcé pour les arts du cirque, elle nous emmène sur les sentiers aériens entre les puys, dans les vallées cachées et encaissées, au bord des lacs qui parfois restent bien mystérieux, et sur la ligne de crête spectaculaire qui mène au Puy de Sancy dans une ambiance presque Alpine. Avec un final ultra aérien et spectaculaire.</t>
  </si>
  <si>
    <t>11:00:00:00</t>
  </si>
  <si>
    <t>P0834691</t>
  </si>
  <si>
    <t>Routes mythiques : Cuba, sur les traces du Che</t>
  </si>
  <si>
    <t>Routes mythiques</t>
  </si>
  <si>
    <t>Cuba, sur les traces du Che</t>
  </si>
  <si>
    <t>01:30</t>
  </si>
  <si>
    <t>Agnieszka Ziarek,Christophe Cousin,Julien Naar,Marc Mopty,Sybille Le Barrois D'Orgeval,Sébastien Lafont,Yves Legrain Crist</t>
  </si>
  <si>
    <t>Dans ce carnet de route à Cuba, Marc Mopty marche dans les pas du Commandante Ernesto Guevara et de ses compagnons de route. De l’abordage chaotique en 1956 dans la Sierra Maestra avec l’équipage de Fidel Castro, à la victoire contre le régime de Batista, le réalisateur retrace le parcours historique du Che. Ce périple, il le fait à l’envers en commençant par La Havane. Au fil des rencontres et des témoignages d’anciens compagnons, Marc choisit de séparer le mythe de la star révolutionnaire, de la réalité d’un Cuba en transition. Tous les cubains, ou presque, entretiennent le mythe du Che. Et pourtant, en parcourant l’île d’Est en Ouest, il rencontre des marginaux qui préfèrent mettre leurs espoirs dans un Cuba qui change. Ce film évoque ce héros devenu une icône du XXème siècle et pose la question : tous ces jeunes, petits-enfants du Che, sont-ils aujourd’hui ses véritables héritiers ? Le confort a pris le dessus sur l’idéologie. Pour ces générations qui ne se sont pas battues pour un « monde meilleur ».</t>
  </si>
  <si>
    <t>12:30:00:00</t>
  </si>
  <si>
    <t>V1023071</t>
  </si>
  <si>
    <t>Les Trains de l'Extrême : Cuba, la route du sucre</t>
  </si>
  <si>
    <t>Tough Trains</t>
  </si>
  <si>
    <t>Sugar Train Cuba</t>
  </si>
  <si>
    <t>00:50</t>
  </si>
  <si>
    <t>United Kingdom</t>
  </si>
  <si>
    <t>Chris Ledger,Kay Tooth,Lisa Dupenois,Navin Thapar</t>
  </si>
  <si>
    <t>Dans cet épisode, Ian Wright se rend à Cuba. Sur cette île, la plus grande des caraïbes, il suit les traces d'une ligne ferroviaire dont les trains sont excessivement vétustes et toujours en retard. Pourtant, Cuba fut une des premières nations au monde à se doter d'un réseau ferré, pour transporter la production de sucre dans toute l'île. C'est à bord de ce train historique, sur la route du sucre, que Ian visite Cuba : de La Havane à Trinidad, en passant par Santa Clara et Cienfuegos.</t>
  </si>
  <si>
    <t>13:10:00:00</t>
  </si>
  <si>
    <t>P0785170</t>
  </si>
  <si>
    <t>Cuba, l'île sanctuaire : Les mondes intérieurs</t>
  </si>
  <si>
    <t>Les mondes intérieurs</t>
  </si>
  <si>
    <t>Le rapprochement historique entre Cuba et les États-Unis et la levée récente de l’embargo invitent à re-découvrir cette île mythique. Quasi-coupée du monde pendant près de 60 ans, Cuba a su s’adapter, développer un art de la débrouille et affirmer sa singularité, son identité. Elle a su inventer un modèle de développement raisonné. Et celle qu’on considérait hier comme l’enfant rebelle des caraïbes pourrait bien être regardée aujourd’hui comme l’enfant modèle.
Nous partirons à la rencontre des hommes et des femmes qui entretiennent chaque jour cet art de vivre à la cubaine, mélange d’un patrimoine revendiqué et symbole d’une société tournée vers l’avenir.
Des danseurs traditionnels de tumba francesa aux Cocodrileros de la Baie des Cochons, en passant par les producteurs de cigares et des scientifiques soucieux de préserver la biodiversité unique de l’île, nous découvrirons comment l’esprit cubain a façonné une société originale empreinte d’une modernité insoupçonnée.</t>
  </si>
  <si>
    <t>14:05:00:00</t>
  </si>
  <si>
    <t>P0867267</t>
  </si>
  <si>
    <t>Echappées belles : Lyon gourmand</t>
  </si>
  <si>
    <t>Echappées belles</t>
  </si>
  <si>
    <t>Lyon gourmand</t>
  </si>
  <si>
    <t>01:28</t>
  </si>
  <si>
    <t>Damien Pourageaux,Franck Poirier,Frédéric Mianne,Jean-Yves Cauchard,Laurent Bouit,Laurent Lichtenstein,Olivier Corre,Pascal-André Villa,Régis Muller,Simon Watel,Vincent Chaffard</t>
  </si>
  <si>
    <t>Sophie retrouve Grégory Cuilleron, l’animateur, aux Halles Paul Bocuse. Autrefois surnommé le « ventre » de Lyon, ce marché incontournable réunit plus de 60 producteurs. Rue de la Fromagerie, Grégory évoque l’Histoire de la gastronomie lyonnaise, qu’il connaît très bien. Ils se dirigent ensuite vers les plus belles traboules du Vieux Lyon. Il en existe 200 dans la ville ! Nos deux promeneurs prennent ensuite le funiculaire. Direction la basilique de Fourvière ! Ils y retrouvent Jean-Luc Chavent véritable figure de la vie lyonnaise. Jean-Luc, qui connaît les moindres recoins de la basilique, les invite à marcher sur la charpente métallique de la toiture et peuvent profiter d’une vue exceptionnelle ! Grégory et Sophie sortent du Vieux Lyon et explorent les rues de la Presqu’île. Christian Janiet, Meilleur Ouvrier de France fromager et ami de longue date du cuisinier, les attend pour leur faire visiter ses caves. Grégory et Sophie découvrent les 150 fromages de Christian, dans les différentes caves d’affinage.</t>
  </si>
  <si>
    <t>15:20:00:00</t>
  </si>
  <si>
    <t>P0788340</t>
  </si>
  <si>
    <t>Les villages de nos régions : Grand Est</t>
  </si>
  <si>
    <t>Les villages de nos régions</t>
  </si>
  <si>
    <t>Grand Est</t>
  </si>
  <si>
    <t>00:30</t>
  </si>
  <si>
    <t>Alex Badin,Alexandre de Seguins,Antoine Coursat,Audrey Varet,Chloé Chovin,Christophe Maillet,Diane Aragou,Dominique Lenglart,Elodie Auguin,Florence Toquereau,Florent Quet,Isabelle Le Guen,Maha Kharrat,Maud Gangler,Nicolas Boero,Pierre Lalanne,Sophie Drumain,Sophie Lesage,Stéphane Trichard</t>
  </si>
  <si>
    <t xml:space="preserve">Dominée par le Massif des Vosges, cette région aux paysages grandioses possède également de nombreux petits villages pittoresques. Notre itinéraire démarre en Alsace avec la visite d’Eiguisheim et de Andlau, deux villages typiques de la région. Au programme, maisons à colombages, ruelles fleuries, fabrication de bretzels et découverte du vignoble. A quelques encablures de là, halte obligatoire au Mont Saint Odile, un lieu de pèlerinage planté dans un décor naturel exceptionnel. Puis direction la Lorraine avec la découverte de Saint Quirin et de son église qui abrite un orgue unique, classée monument historique, avant de rejoindre Plombière-les-bains, une station thermale à l’ambiance feutrée, qui a vu défiler les plus grands intellectuels du 18ème siècle. Nous finissons à Essoyes, une bourgade au milieu des vignes qui a séduit et inspiré le peintre Auguste Renoir. </t>
  </si>
  <si>
    <t>15:55:00:00</t>
  </si>
  <si>
    <t>P0833920</t>
  </si>
  <si>
    <t>Trésors vus du ciel : L'île de Vancouver</t>
  </si>
  <si>
    <t>Undiscovered Vistas</t>
  </si>
  <si>
    <t>Vancouver Island</t>
  </si>
  <si>
    <t>Canada</t>
  </si>
  <si>
    <t>Dan Hughes</t>
  </si>
  <si>
    <t xml:space="preserve">Au large de la côte Ouest de la Colombie-Britannique, le littoral sauvage de l’île de Vancouver tourné vers le Pacifique offre un panorama ancestral à la beauté brute. Des sommets enneigés de ses glaciers séculaires aux canopées enveloppées de brume de la seule forêt tropicale canadienne, cette région est la plus humide d’Amérique du Nord. Cet habitat naturel à l’apparence primitive, où la nature et l’homme coexistent, détient le secret de la vie. Véritable paradis pour les créatures marines, il renferme également l’un des sites les plus sacrés au monde, un somptueux lieu secret où se perpétue un mode de vie ancestral.
</t>
  </si>
  <si>
    <t>16:55:00:00</t>
  </si>
  <si>
    <t>P0847236</t>
  </si>
  <si>
    <t>Vues d'en haut : Dans les Grandes Plaines américaines</t>
  </si>
  <si>
    <t>The World From Above</t>
  </si>
  <si>
    <t>USA - Nebraska, Oglala Grassland to Scottsbluff (FRA)</t>
  </si>
  <si>
    <t>Josh Halil,Richard Mervyn</t>
  </si>
  <si>
    <t>Nous suivons le vaste réseau ferroviaire du Nebraska jusqu’aux plaines d’Oglala, terres de l’agile antilocapre. Cap ensuite vers le sud jusqu’au parc de Fort Robinson, autrefois lieu de batailles féroces entre les Amérindiens et les premiers colons européens. Sur la route en direction de la ville d’Alliance, cœur historique du Far West, nous croisons des diligences tout droit sorties d’un western ainsi que des troupeaux de bisons au galop. Nous faisons un bref détour jusqu’au Stonehenge américain avant d’emprunter le chemin des pionniers menant au monument national de Scottsbluff. Notre voyage s’achève face aux formations rocheuses titanesques qui surplombent les plaines vallonnées et nous fascinent comme elles fascinaient il y a plus d’un siècle les premiers colons en route vers l’ouest.</t>
  </si>
  <si>
    <t>17:20:00:00</t>
  </si>
  <si>
    <t>P0847237</t>
  </si>
  <si>
    <t>Vues d'en haut : Du Yellowstone au canyon de Bighorn</t>
  </si>
  <si>
    <t>USA - Wyoming, Soda Butte to Big Horn Canyon (FRA)</t>
  </si>
  <si>
    <t>Le long de la frontière séparant le Wyoming du Montana, notre voyage débute au cœur des montagnes de la vallée de Soda Butte, dans le parc national de Yellowstone, notamment sur la plus haute cime de Pilot Peak. Depuis les extraordinaires glaciers de la chaîne Absaroka, nous prenons la direction du col de Beartooth et sillonnons la route décrite comme « la plus belle des États-Unis ». Un peu plus au sud nous attend l’une des sections les plus pittoresques de la rivière Clark Fork, avec ses eaux blanches qui coulent le long des parois du canyon. Nous retournons dans la Wapiti Valley, célèbre pour ses ranchs et ses chevaux, et visitons la ville de Cody, du nom de l’illustre pionnier dit Buffalo Bill. Après avoir traversé les étendues arides du bassin de la Bighorn, nous achevons notre périple dans le canyon éponyme, face à ses gorges à couper le souffle.</t>
  </si>
  <si>
    <t>17:50:00:00</t>
  </si>
  <si>
    <t>18:55:00:00</t>
  </si>
  <si>
    <t>P0767184</t>
  </si>
  <si>
    <t>Gare centrale : Mumbai, CST</t>
  </si>
  <si>
    <t>Mumbai, CST</t>
  </si>
  <si>
    <t>Anciennement Victoria Station, la gare de Mumbai est aujourd'hui la plus fréquentée au monde, avec des trains bondés qui accueillent jusqu’à 14 passagers au mètre-carré ! Mais c’est aussi un monument symbolique de la ville, avec son architecture fusion, entre style victorien et celui des palais de Maharadjahs. Une découverte de ce lieu digne de Bollywood, et si cher au cœurs des indiens.</t>
  </si>
  <si>
    <t>20:00:00:00</t>
  </si>
  <si>
    <t>P0876259</t>
  </si>
  <si>
    <t>Des trains pas comme les autres : Equateur</t>
  </si>
  <si>
    <t>Des trains pas comme les autres</t>
  </si>
  <si>
    <t>Equateur</t>
  </si>
  <si>
    <t>Alex Badin,Nicolas Boero,William Japhet,Yann Staderoli</t>
  </si>
  <si>
    <t xml:space="preserve">Philippe Gougler commence son voyage au pied du Chimborazo, un volcan de la Cordillère des Andes, dans la gare la plus haute du pays, perchée à 3610 mètres. Il traverse le pays à bord de trains touristiques aux paysages magnifiques et aux dénivelés vertigineux. À quelques kilomètres de Quito, la capitale, il rencontre un prêtre que les croyants attendent avec grande impatience. Ensuite, il quitte la Cordillère pour découvrir la vie au fin fond de l’Amazonie. Il prend un train-bus surprenant suivi par des motards cascadeurs, qui le ramène dans le nord du pays pour terminer son aventure, à la rencontre de Carolina, une guérisseuse un peu particulière… </t>
  </si>
  <si>
    <t>20:50:00:00</t>
  </si>
  <si>
    <t>P0886212</t>
  </si>
  <si>
    <t>Trajectoires d'Égypte : Le Nil</t>
  </si>
  <si>
    <t>Trajectoires d'Egypte</t>
  </si>
  <si>
    <t>Le Nil</t>
  </si>
  <si>
    <t>Romain Fleury</t>
  </si>
  <si>
    <t>L'Égypte est un don du Nil. Cette citation célèbre d’Hérodote, qui parcourut ce pays vers 650 avant notre ère, est encore d’actualité. Le visiteur aujourd’hui fait toujours le même constat : le Nil est un serpent vert au milieu du désert. Depuis Rosette, où il se jette dans la Méditerranée, jusqu'à Abu Simbel, où il quitte le territoire égyptien pour entamer son parcours soudanais, les berges du grand fleuve sont recouvertes d'une épaisse couche de limon déposée par la crue depuis des millénaires. De nos jours, la majorité des Égyptiens vivent sur ses rives. Comme à l'époque des pharaons, ils pêchent, ils canalisent l'eau du fleuve pour irriguer leurs champs et ils labourent avec un araire tiré par des bœufs. Ces scènes, vécues par les Égyptiens du 21ème siècle, ont leurs doubles sur les parois des tombes et des temples de l'Égypte pharaonique vieux parfois de plus de 3000 ans.</t>
  </si>
  <si>
    <t>21:45:00:00</t>
  </si>
  <si>
    <t>P0897552</t>
  </si>
  <si>
    <t>Trajectoires d'Égypte : L'au-delà</t>
  </si>
  <si>
    <t>L'au-delà</t>
  </si>
  <si>
    <t xml:space="preserve">Le culte de la mort occupe une place prépondérante dans l’Égypte ancienne. Nécropoles, pyramides, momies et sarcophages, les ¾ des découvertes archéologiques sur le sol égyptien ont un rapport direct avec les rites funéraires. Les anciens Égyptiens aimaient tellement la vie qu'ils espéraient pouvoir en bénéficier même après leur mort. Ils se faisaient momifier, pour avoir un corps éternel. Leurs sépultures étaient conçues comme des maisons d’habitations, aux murs peints des couleurs de la vie.  Mais cela ne suffisait pas. Il fallait aussi passer devant Osiris, le Dieu des morts, qui décidait après avoir jugé les actes du défunt d'accorder ou non la vie éternelle. Cette vieille idée, de jugement après la mort, n’a pas disparu. Chrétiens et musulmans égyptiens espèrent être comptés au nombre des élus, lors du jugement dernier. Car la mort n’est pas une fin, pour les croyants d’hier comme d’aujourd’hui. </t>
  </si>
  <si>
    <t>22:45:00:00</t>
  </si>
  <si>
    <t>23:40:00:00</t>
  </si>
  <si>
    <t>24:40:00:00</t>
  </si>
  <si>
    <t>25:35:00:00</t>
  </si>
  <si>
    <t>26:30:00:00</t>
  </si>
  <si>
    <t>Voyage en bande : Le Massif des Écrins</t>
  </si>
  <si>
    <t>Voyage en bande</t>
  </si>
  <si>
    <t>Le Massif des Écrins</t>
  </si>
  <si>
    <t>00:52</t>
  </si>
  <si>
    <t>David Rybojad</t>
  </si>
  <si>
    <t>La Meije, l’Ailefroide, le Râteau… autant de sites et de défis qui font rêver les alpinistes de tous les horizons. Jean-Marc Rochette les a faits siens. Ce Massif des Écrins n’est pas seulement devenu sa terre d’adoption. C’est son terrain de jeux. De grimpeur invétéré tout autant que d’auteur-dessinateur. C’est dans le massif des écrins qu’est située l’action de ses albums Aile froide et Le Loup. Jean-Marc Rochette est aussi le dessinateur du Transperceneige, album mythique des années 80 devenu culte, adapté au cinéma par Bong Jon Hoo en 2013. Son album Le loup est lui aussi en cours d’adaptation pour le cinéma. En plus de la bande dessinée, Rochette est aussi un peintre, sculpteur et illustrateur très inspiré par les grands espaces. Dans ce voyage en bandes, il nous emmène visiter le massif des écrins, là où il a décidé de poser ses valises dans son chalet à 1700 m d’altitude avec face la lui la montagne dans toute sa splendeur.</t>
  </si>
  <si>
    <t>27:25:00:00</t>
  </si>
  <si>
    <t>P0772331</t>
  </si>
  <si>
    <t>J'irai dormir chez vous : Pays-Bas</t>
  </si>
  <si>
    <t>J'irai dormir chez vous</t>
  </si>
  <si>
    <t>Pays-Bas</t>
  </si>
  <si>
    <t>Antoine De Maximy</t>
  </si>
  <si>
    <t>Antoine commence son voyage aux Pays-Bas à Goes dans la province de Zélande. C'est vendredi soir et la petite ville est très animée. Après une soirée sympa dans un bar, le globe squatteur rencontre Elisa et sa fille qui l'invitent spontanément à un petit rassemblement hippie. Le voyageur file ensuite vers le nord-est du pays et atterrit à Pekela. Il pleut et il n'y a pas grand monde dehors. Antoine erre le long d'un canal avant de découvrir que Pekela est une bourgade bien particulière : 100 mètres de large pour 17 kilomètres de long ! Heureusement, son attention est attirée par une petite maison où un orchestre semble se produire. On l'invite à entrer…Antoine termine son voyage à Amsterdam. L'agitation de la ville tranche avec le reste du pays.</t>
  </si>
  <si>
    <t>28:30:00:00</t>
  </si>
  <si>
    <t>P0767098</t>
  </si>
  <si>
    <t>Voyage et Bonnes manières en France</t>
  </si>
  <si>
    <t>Voyage &amp; Bonnes manières</t>
  </si>
  <si>
    <t>00:51</t>
  </si>
  <si>
    <t>Véronique Jacquinet</t>
  </si>
  <si>
    <t>Faire un tour du monde de la politesse, sans risquer un regard critique sur le comportement des Français, la Parisienne cabotine qu’est Véronique Jacquinet, ne l’aurait pas osé. La voici donc partie, dans sa 2CV, enquêter de Saint-Germain-Des-Prés à Versailles, sur ce que ses compatriotes ont gardé de cette fameuse « french Etiquette » que nous a léguée Louis XIV. L’occasion de réviser l’ensemble des bonnes manières sensées régir notre quotidien et de voir si Talleyrand a fini par avoir raison, quand il disait : « Appuyons-nous sur les principes, ils finiront bien par céder ! ».</t>
  </si>
  <si>
    <t>29:10:00:00</t>
  </si>
  <si>
    <t>15/11/2020</t>
  </si>
  <si>
    <t>P0897564</t>
  </si>
  <si>
    <t>Découvrir le monde : Dakhla - la mer, la glisse, le désert</t>
  </si>
  <si>
    <t>Découvrir le monde (collection)</t>
  </si>
  <si>
    <t>Dakhla - la mer, la glisse, le désert</t>
  </si>
  <si>
    <t>Pierre Brouwers</t>
  </si>
  <si>
    <t xml:space="preserve">À la lisière du désert du Sahara, une fine langue de terre protège une immense lagune de la puissance de l'océan Atlantique. Le vent, le soleil et la beauté du site ont séduit les adeptes des sports de glisse aquatique au point que la baie de Dakhla devienne l'un des plus fameux spots de kitesurf au monde. Après avoir saisi le spectacle magique de ces voiles que le vent emporte toute l'année, la caméra de Pierre Brouwers est partie à la rencontre de la vie locale. Pêche, bédouins, curiosités géologiques, traditions sahariennes ponctuent la découverte d'une région où le temps n'a pas prise. </t>
  </si>
  <si>
    <t>Horizons : Le Maroc, une civilisation millénaire</t>
  </si>
  <si>
    <t>Horizons (collection Productions)</t>
  </si>
  <si>
    <t>Le Maroc, une civilisation millénaire</t>
  </si>
  <si>
    <t>Daniel Lafarge,Eric Bacos</t>
  </si>
  <si>
    <t>Le Maroc est un pays aux multiples facettes : des montagnes grandioses, de vastes déserts, des palais somptueux, des dunes de sable majestueuses, des souks aux effluves épicés, des cités antiques témoins d’un passé glorieux. Mais le Maroc c’est aussi une richesse culturelle foisonnante et un artisanat, aujourd’hui encore, fier de ses traditions. De médina en kasbah, ce pays exalte tous nos sens.</t>
  </si>
  <si>
    <t>12:00:00:00</t>
  </si>
  <si>
    <t>13:05:00:00</t>
  </si>
  <si>
    <t>P0876258</t>
  </si>
  <si>
    <t>Des trains pas comme les autres : Albanie</t>
  </si>
  <si>
    <t>Albanie</t>
  </si>
  <si>
    <t xml:space="preserve">Philippe Gougler nous fait découvrir la mystérieuse Albanie. Son voyage commence à Tirana, la capitale. Et pour une fois, il prend le bus pour rejoindre la gare qui se trouve en banlieue. Là il monte dans un train en triste état, mais chargé d’histoire, avec un service de café à bord privilégié. Il arrive à Elbasan en pleine campagne, où il rencontre un fermier en train de labourer son champ, qui l’emmène au marché aux bestiaux. Philippe reprend son train déglingué pour retourner vers Tirana où il fait des découvertes culinaires étonnantes ! Il repart vers le lac de Koman, un des plus beaux sites d’Albanie, où il prend un incroyable bateau-bus qui fait la navette sur le lac. Puis direction le sud, vers Durrës au bord de l’Adriatique. Il rencontre Lali, aux allures militaires, une “vierge sous serment” qui témoigne des traditions encore profondément ancrées dans le peuple albanais. Après des années de dictature, le pays se reconstruit et se transforme. Un voyage en Albanie est un voyage dans un monde qui change. </t>
  </si>
  <si>
    <t>15:05:00:00</t>
  </si>
  <si>
    <t>15:30:00:00</t>
  </si>
  <si>
    <t>P0807446</t>
  </si>
  <si>
    <t>Le Japon entre ciel et terre : L'île au pied de la montagne</t>
  </si>
  <si>
    <t>Le Japon entre ciel et terre</t>
  </si>
  <si>
    <t>L'île au pied de la montagne</t>
  </si>
  <si>
    <t>Eric Beaufills,Thomas Cazals</t>
  </si>
  <si>
    <t>Le Japon, terre de modernité et de traditions s’est développée au rythme de l’île principale Honshu. Au pied du Mont Fuji, elle est la plus grande et la plus peuplée de l’archipel. Blessée par les séismes et les guerres, elle abrite la capitale Tokyo et l’ancienne ville impériale Kyoto. Ce voyage entre ciel et terre, au cœur de la troisième puissance économique mondiale nous plonge dans la vie intime d’un peuple et de son Histoire.</t>
  </si>
  <si>
    <t>17:00:00:00</t>
  </si>
  <si>
    <t>18:00:00:00</t>
  </si>
  <si>
    <t>P0849832</t>
  </si>
  <si>
    <t>Les plus beaux treks : La Nouvelle-Calédonie</t>
  </si>
  <si>
    <t>La Nouvelle-Calédonie</t>
  </si>
  <si>
    <t>La Nouvelle-Calédonie, c’est un peu la Terra Incognita du trek. Et pourtant, la grande île de 400 km de long, avec sa chaine de montagne comme épine dorsale, a tout pour offrir un terrain de jeu fantastique pour ceux qui veulent tenter l’aventure. Deux sentiers de grande randonnée ont vu le jour ces dernières années sur la Grande Terre, l’île principale. Le GR Sud qui traverse sur une centaine de kilomètres le grand Sud sauvage, et le GR Nord, plus récent encore, et radicalement différent puisque son tracé propose une immersion dans les forêts de la côte Est, et surtout un voyage au cœur de la culture Kanak. Deux sentiers parfaitement balisés et entretenus, labélisés par la Fédération Française de Randonnée, et que nous allons arpenter, guidé par Lucie qui est accompagnatrice en montagne et totalement passionnée par son métier.</t>
  </si>
  <si>
    <t>Les sentinelles impériales : Marrakech</t>
  </si>
  <si>
    <t>Julien Naar</t>
  </si>
  <si>
    <t xml:space="preserve">« À grand roi, grande ville » expliquait au XIVème siècle l’historien Ibn Khaldoun. Marrakech fait partie de ces cités dites impériales qui furent érigées par des souverains soucieux d’asseoir leur puissance de la Catalogne à la Mauritanie… Car le Maroc fut pendant des siècles un empire dont l’emprise s’étendait bien au-delà de ses frontières actuelles. Plongeons dans ce passé glorieux, à la rencontre de ceux qui aujourd’hui encore protègent et incarnent les joyaux du patrimoine marocain. </t>
  </si>
  <si>
    <t>21:50:00:00</t>
  </si>
  <si>
    <t>P0878810</t>
  </si>
  <si>
    <t>Horizons : Les Pouilles, racines de l'Italie</t>
  </si>
  <si>
    <t>Les Pouilles, racines de l'Italie</t>
  </si>
  <si>
    <t>Une bonne partie de la « botte » de l’Italie est constituée par la région des Pouilles, dont elle forme le talon. Moins couru que la Toscane, Rome, ou Venise, ce sud profond italien est néanmoins réputé pour le caractère singulier de ses villages blanchis à la chaux, ses habitats troglodytes, ses maisons traditionnelles, les trullis, aux toits coniques. Son riche passé historique a peuplé les côtes maritimes de fortifications, d’églises et cathédrales, sans oublier de vielles fermes magnifiques. Baignée par l’Adriatique et la mer Ionienne, le littoral des Pouilles est une succession de criques et de plages de sable fin dont les eaux d’une transparence étonnante, hésitent entre le vert et le turquoise. L’art de vivre et la gastronomie sont à la hauteur de la beauté des paysages, tout y est authentique et préservé. Fêtes religieuses, carnaval, festivals rythment l’année dans des rassemblements populaires animés.</t>
  </si>
  <si>
    <t>22:50:00:00</t>
  </si>
  <si>
    <t>23:50:00:00</t>
  </si>
  <si>
    <t>28:20:00:00</t>
  </si>
  <si>
    <t>29:15:00:00</t>
  </si>
  <si>
    <t>29:40:00:00</t>
  </si>
  <si>
    <t>16/11/2020</t>
  </si>
  <si>
    <t>P0877843</t>
  </si>
  <si>
    <t>Voyage à travers les couleurs : La France en jaune</t>
  </si>
  <si>
    <t>Voyage à travers les couleurs : La France</t>
  </si>
  <si>
    <t>La France en jaune</t>
  </si>
  <si>
    <t>Carole Greco</t>
  </si>
  <si>
    <t>Le jaune ne figure pas parmi les couleurs du drapeau français. Et pourtant que ce soit sur terre ou sous terre, dans les champs de l’arrière-pays ou proche de la mer, le jaune se retrouve partout dans les paysages français. Il symbolise la richesse de cette terre baignée de soleil. Admirons les pentes dorées de la dune du Pilat, les émaux vénitiens faits de verre et d’or à Marseille, le palais idéal du facteur Cheval, un monument époustouflant bâti à base de pierres jaunes. Explorons le paysage féérique des orgues d’Ille-sur-Têt, un patrimoine exceptionnel de roches jaunes qui s’est formé il y a 5 millions d’années ; le domaine de Francis Fritsch Colmar, à deux pas de Colmar la capitale des vins d’Alsace qui se pare de jaune à la période des vendanges. Enfin, rendez-vous à Menton, ville surnommée la « perle de la France » où le citron est roi. Découvrons la France à travers la couleur jaune.</t>
  </si>
  <si>
    <t>P0897613</t>
  </si>
  <si>
    <t>Algérie secrète : Carnets de voyage</t>
  </si>
  <si>
    <t>Hidden Algeria</t>
  </si>
  <si>
    <t>Compilation</t>
  </si>
  <si>
    <t>Ian Sciacaluga</t>
  </si>
  <si>
    <t>Explorons l'un des pays les moins connus de notre planète, l'Algérie. Partons à la découverte de sa capitale Alger, des villes côtières qui ont défini cette nation nord-africaine et du grand désert du Sahara qui représente 70% de son territoire. L'Algérie est un pays qui a obtenu son indépendance il y a moins de 70 ans, mais son histoire remonte au premier homme qui chassait dans les forêts du désert du Sahara, autrefois luxuriant. C'est un pays aux paysages contrastés - de montagnes, de mer et de sable - composé d'une multitude de tribus berbères et de traditions culturelles anciennes. Joyau inexploré, l'Algérie dévoile ses secrets.</t>
  </si>
  <si>
    <t>P0805513</t>
  </si>
  <si>
    <t>Regarde le monde : Destination neige</t>
  </si>
  <si>
    <t>Regarde le monde</t>
  </si>
  <si>
    <t>Destination neige</t>
  </si>
  <si>
    <t>00:26</t>
  </si>
  <si>
    <t>Antonin Broutard,Aurélia Michon,Carole Pujol,Jean-Marc Chauvet,Laurent Gracia,Mathieu Despiau,Maxime Souville,Sophie Vernet,Virginie Berda,Yann Streff</t>
  </si>
  <si>
    <t>« Regarde le monde » dessine pour vous les contours des plus belles destinations du globe… 1er arrêt sur les anciens territoires sauvages du Wyoming où la vallée de Jackson Hole était, jusqu’en 1870, vierge de toute présence humaine à cause de la dureté de son climat. C’est aujourd’hui le seul endroit aux États-Unis où l’on peut faire du hors-piste. A des milliers de kilomètres de là se cache aussi un « paradis blanc » en Turquie… Le mont Erciyes (Argée) culmine à 3917 mètres et domine la ville de Kayseri, porte d’entrée de la Cappadoce. Pour les norvégiens, la neige est synonyme de fête et de traditions… A la suite d’un décret royal en 1853, la ville de Røros est assignée à l’organisation d’un marché annuel tandis qu’au Canada, la neige inspire les adeptes des sports extrêmes… La motoneige se pratique sur la poudreuse des rocheuses. En Suisse, on forme la graine des champions de ski au sein de deux grandes écoles de sport-étude.</t>
  </si>
  <si>
    <t>09:25:00:00</t>
  </si>
  <si>
    <t>P0831483</t>
  </si>
  <si>
    <t>Echappées belles : Maroc, l'éternel enchantement</t>
  </si>
  <si>
    <t>Maroc, l'éternel enchantement</t>
  </si>
  <si>
    <t>Damien Pourageaux,Fred Mianne,Jean-Yves Cauchard,Laurent Bouit,Laurent Lichtensztajn,Olivier Corre,Olivier Lacaze,Pascal-André Villa,Simon Watel,Vincent Chaffard</t>
  </si>
  <si>
    <t>Sophie est attablée sur le toit-terrasse du Dar Nour. La Kasbah domine la médina de Tanger, la rebelle marocaine. Jean-Olivier, gérant de la chambre d’hôtes et amoureux passionné de Tanger, propose à Sophie de l’accompagner. Ils entament leur tour par le marché des producteurs, le marché aux tissus où dans un caravansérail, les artisans travaillent encore sur des ateliers mécaniques, puis ils se rendent dans la meilleure boulangerie de la ville. Quelques kilomètres à l’ouest de Tanger, Sophie découvre les abords plus sauvages de la côte. Le Cap Spartel et son phare veillent sur l’entrée du détroit de Gibraltar… en face, c’est l’Espagne ! Elle arpente la plage avec Jean-Olivier, un ancien journaliste qui a posé ses valises à Tanger. Sophie fait route avec Abdellatif, chauffeur de taxi, natif et amoureux de Chefchaouen où elle se rend. Tous les deux font le tour de la ville à pied. Là, des femmes repeignent les murs en bleu…</t>
  </si>
  <si>
    <t>P0897569</t>
  </si>
  <si>
    <t>Les plus beaux treks : Les Pyrénées Orientales</t>
  </si>
  <si>
    <t>Les Pyrénées Orientales</t>
  </si>
  <si>
    <t xml:space="preserve">Entre Ax-les-Thermes et la mer Méditerranée, les Pyrénées Orientales sont un fabuleux terrain de jeu pour les trekkeurs avec une météo souvent au beau fixe. Le GR 10 est l’itinéraire classique pour traverser ces montagnes mais une multitude d’autres itinéraires permettent de construire un cheminement à la carte, entre la Capcir, le massif du Madrès, les gorges de la Carança, et la grande crête frontière qui mène au Pic Canigou, et au-delà à Collioure. Un territoire fortement marqué par l’identité Catalane pour laquelle le Canigou est une montagne emblématique et sacrée. </t>
  </si>
  <si>
    <t>P0828981</t>
  </si>
  <si>
    <t>Les plus beaux treks : La traversée de la Réunion</t>
  </si>
  <si>
    <t>La traversée de la Réunion</t>
  </si>
  <si>
    <t>Au fil des années, l’île de la Réunion est devenue une destination trek très fréquentée et connue aussi bien en métropole qu’à l’international ! Avec son relief volcanique ultra spectaculaire, ses cirques, ses sommets et son volcan en activité, la Réunion concentre sur son territoire une multitude d’environnements, tous propices à des excursions inoubliables. Dans la foulée de la « Diagonale des fous », cette course de tous les superlatifs qui traverse l’île sur 160 km et qui s’est imposée comme une des épreuves les plus célèbres au monde, l’île de la Réunion a développé un tourisme vert très bien structuré, avec des hébergements de toute sorte et en particulier chez l’habitant, et une variété d’activités impossibles à trouver ailleurs sur un territoire de cette taille. La randonnée est désormais pleinement inscrite dans l’ADN de l’île, qui se définit elle-même comme « intense » et qui est le terrain de jeu favori de Rudy Laurent, l’accompagnateur de montagne qui nous guide sur cette traversée de la Réunion !</t>
  </si>
  <si>
    <t>P0897553</t>
  </si>
  <si>
    <t>Trajectoires d'Égypte : L’Héritage</t>
  </si>
  <si>
    <t>L’Héritage</t>
  </si>
  <si>
    <t xml:space="preserve">L’Égypte ancienne a donné au monde les monuments les plus extraordinaires de toute l’humanité. Son histoire longue de 3500 ans s’arrête brutalement avec le triomphe du christianisme au 4ème siècle. Mais cette civilisation extraordinaire n’a pas disparu pour autant. Lorsqu’au 19ème siècle, Jean-François Champollion perce le secret des hiéroglyphes, l’écriture des anciens égyptiens, le monde comprend ce qu’il doit aux anciens égyptiens… L’architecture, les nécropoles, la construction navale et la langue copte des chrétiens égyptiens plongent leurs racines dans cette histoire millénaire. L’Égypte contemporaine est bien la fille de l’Égypte antique. </t>
  </si>
  <si>
    <t>P0897554</t>
  </si>
  <si>
    <t>Trajectoires d'Égypte : Le désert</t>
  </si>
  <si>
    <t>Le désert</t>
  </si>
  <si>
    <t xml:space="preserve">En sillonnant la terre des Pharaons vers 450 avant notre ère, Hérodote proclame que l’Égypte est un don du Nil. Comme tout visiteur d’hier et d’aujourd’hui, il est frappé par le contraste entre la luxuriance des rives du grand fleuve et l’aridité du désert qui les entoure. Ces étendues inhospitalières recouvrent 96% du pays et seul 1% de la population y vit. Le désert est aussi la porte d’entrée de nombreux envahisseurs étrangers et le domaine des nomades dont la sédentaire Égypte se méfie. Malgré la présence militaire, les égyptiens du Nil n’ont jamais réellement réussi à contrôler ce territoire aride : il reste aujourd’hui le lieu de tous les dangers et de la rébellion. </t>
  </si>
  <si>
    <t>15:00:00:00</t>
  </si>
  <si>
    <t>P0849223</t>
  </si>
  <si>
    <t>Les sentinelles de l'Afrique : Gabon</t>
  </si>
  <si>
    <t>Les sentinelles de l'Afrique</t>
  </si>
  <si>
    <t>Gabon, les sentinelles de la forêt</t>
  </si>
  <si>
    <t xml:space="preserve">Cachés sous un épais manteau vert, se trouvent le cœur et l'âme du Gabon. De cette forêt équatoriale qui couvre 80% de leur territoire, les Gabonais tirent l'essentiel de leurs traditions, de leur médecine, de leur spiritualité et de leurs ressources. Un patrimoine précieux et fragile, que quelques femmes et hommes veillent à protéger. Kombo, chasseur pygmée Babongo, est l’une de ces sentinelles de la forêt. Armé d’un arc, c’est avec respect de la nature qu’il subvient aux besoins de sa tribu. C’est aussi le cas de Juste, un jeune citadin qui pour se reconnecter à sa culture part s’adresser aux esprits de la forêt, et s'engage dans un rite de passage spectaculaire. Au fil de rencontres fortes, dans des décors exceptionnels, le troisième volet de la série documentaire « Les Sentinelles de l’Afrique » explore le lien particulier qui unit l’humain au milieu naturel. </t>
  </si>
  <si>
    <t>16:00:00:00</t>
  </si>
  <si>
    <t>P0851362</t>
  </si>
  <si>
    <t>Les sentinelles de l'Afrique : Mauritanie</t>
  </si>
  <si>
    <t>Mauritanie, les sentinelles du désert</t>
  </si>
  <si>
    <t>Coincé entre l'immensité sauvage de l'Atlantique, et celle du Sahara, la Mauritanie est née du sable et du vent. Aujourd'hui, des femmes et des hommes se transmettent encore le savoir et les traditions du désert. Youbba, le patriarche charismatique d’une des dernières familles nomades de l'Adrar, accompagne son fils dans l'oasis de Tounguad, où il participera à sa première course de dromadaires. Seif, le dépositaire des manuscrits anciens de Chinguetti, ou Nour le pêcheur Imraguen, tentent eux aussi de former leurs successeurs, pour passer le flambeau avant qu'il ne soit trop tard. L'enjeu est de taille : sous l'effet conjugué de la désertification et de l'exode rural, les traditions nomades du peuple maure s'évaporent. Au fil de paysages naturels enivrants, nous partons à la rencontre des derniers gardiens du désert.</t>
  </si>
  <si>
    <t>17:05:00:00</t>
  </si>
  <si>
    <t>V1023225</t>
  </si>
  <si>
    <t>En train à travers... Le Brésil</t>
  </si>
  <si>
    <t>By Train Through</t>
  </si>
  <si>
    <t>By Train Through Brazil</t>
  </si>
  <si>
    <t>00:43</t>
  </si>
  <si>
    <t>Germany</t>
  </si>
  <si>
    <t>Petra Spamer-Riether</t>
  </si>
  <si>
    <t>Aventuriers en quête de nouvelles découvertes, femmes nettoyant des émeraudes, des pierres précieuses... autant de rencontres pendant le voyage de 13h à bord du Gem Express qui relie la ville de Belo Horizonte à la ville portuaire de Vitoria au nord de Rio De Janeiro en passant par Ouro Preto, ancienne ville de l'Or noir désormais classée au patrimoine mondial. Traversez des paysages fascinants, des grandes mines à ciel ouvert du Brésil aux forêts vierges luxuriantes le long du Rio Doce, aux plages spectaculaires du port de Vitoria.</t>
  </si>
  <si>
    <t>19:00:00:00</t>
  </si>
  <si>
    <t>P0807440</t>
  </si>
  <si>
    <t>Le Japon entre ciel et terre : L'île dans les nuages</t>
  </si>
  <si>
    <t>L'île dans les nuages</t>
  </si>
  <si>
    <t>Le Japon, pays du soleil levant, terre de feu sculptée par les volcans et les traditions, est une grande puissance économique mondiale. A l’extrême Nord, Hokkaido, ancienne terre sacrée de la tribu Ainu, vaste paradis naturel, est l’une des quatre grandes îles de l’archipel. Ce voyage entre terre et ciel, volcans et lacs transparents, au fil des quatre saisons, raconte l’histoire unique de ces hommes qui vivent en harmonie avec la nature.</t>
  </si>
  <si>
    <t>20:05:00:00</t>
  </si>
  <si>
    <t>Gare centrale : Buenos Aires estación Retiro, la belle anglaise chez les gauchos</t>
  </si>
  <si>
    <t>Buenos Aires estación Retiro, la belle anglaise chez les gauchos</t>
  </si>
  <si>
    <t xml:space="preserve">L'Argentine fut en 1945, le pays dont les chemins de fer étaient les plus prospères, avec un réseau moderne et très extensif. Depuis, les crises se sont succédées et le train a lentement décliné au pays des gauchos. Aujourd'hui, la gare de Retiro à Buenos Aires, ou plutôt les gares, puisqu'il s'agit de trois gares situées côte-à-côte, témoignent de cette splendeur passée. Mais l'Argentine possède encore le 8ème réseau ferré du monde, et le complexe ferroviaire de Retiro en est la tête de pont. Avec son architecture de « style français », les bâtiments certes un peu délabrés, abritent toujours le passage des argentins se rendant vers les confins du pays, ou les banlieues de la plus européenne des villes sud-américaines que constitue Buenos Aires. La gare est devenue monument historique en 1997 et est considérée comme l’exemple Argentin le plus significatif de l’architecture ferroviaire monumentale.  </t>
  </si>
  <si>
    <t>P0825121</t>
  </si>
  <si>
    <t>Gare centrale : New York, Grand Central Terminal</t>
  </si>
  <si>
    <t>New York, Grand Central Terminal</t>
  </si>
  <si>
    <t>Jean-Thomas Renaud,Philippe Mac Gaw</t>
  </si>
  <si>
    <t>Que dire de nouveau sur Grand Central Terminal qui n'ait déjà été écrit ou filmé ? La gare apparaît dans les plus grand films d’Hollywood. Pourtant le monument abrite des lieux secrets que peu de gens connaissent. Menacée de destruction dans les années 70, l’histoire de Grand Central nous parle de cette ville monde, grâce aux messages secrets de son architecture. Avec l’aide d’artistes new yorkais comme l’écrivain Marc Lévy, nous partons à la découverte de cette porte gigantesque, monument le plus visité de la ville.</t>
  </si>
  <si>
    <t>25:40:00:00</t>
  </si>
  <si>
    <t>26:35:00:00</t>
  </si>
  <si>
    <t>27:35:00:00</t>
  </si>
  <si>
    <t>29:30:00:00</t>
  </si>
  <si>
    <t>17/11/2020</t>
  </si>
  <si>
    <t>P0877841</t>
  </si>
  <si>
    <t>Voyage à travers les couleurs : La France en bleu</t>
  </si>
  <si>
    <t>La France en bleu</t>
  </si>
  <si>
    <t>Avec plus de 5500 km de côtes, la couleur bleue évoque les vagues de l’Atlantique ou le calme de la Méditerranée. Dans l’hexagone, c’est surtout un emblème national qui unit les Français. Rendons-nous sur l’île de beauté, la Corse, qui sait se faire désirer et se pare d’un joyau unique : Bonifacio. Découvrons aussi Arras, mondialement connue pour son architecture baroque et ses fameuses porcelaines bleues. Chaque été, Bourges se pare d’une lueur bleue ! Des scénographies content son histoire sur les façades de monuments emblématiques. Perchée sur un éperon calcaire et labellisée ville d’art et d’histoire, l’incontournable ville de Lectoure abrite une plante aux fleurs jaunes, dont les feuilles vertes produisent un pigment bleu. De la sorcellerie au divin, le bleu s’est imposé au Moyen-Âge. La cathédrale de Chartres, aux vitraux remarquables, est considérée par l’Unesco comme un chef d’œuvre du génie humain. Enfin, explorons le plateau d’Albion dont les magnifiques paysages colorés de lavande font la renommée.</t>
  </si>
  <si>
    <t>P0830571</t>
  </si>
  <si>
    <t>Carte postale de Namibie</t>
  </si>
  <si>
    <t>Namibia</t>
  </si>
  <si>
    <t>Namibia, the Spirit of Wilderness</t>
  </si>
  <si>
    <t>Alexander Sass,Simon Bush</t>
  </si>
  <si>
    <t>Avec plus de 300 jours d’ensoleillement par an, le soleil règne sur la Namibie comme il brille sur son drapeau. Sur ces terres arides, à la fois familières et semblant tout droit venues d’une autre planète, contrastes et couleurs se rencontrent pour former d’infinies étendues et de somptueux déserts. Influencée par diverses cultures durant la colonisation, la Namibie renaît des ténèbres de l’apartheid en 1990 et incarne aujourd’hui un kaléidoscope de cultures, de langues, d’arts, de musiques et de gastronomies.
La Namibie est le paradis des aventuriers, fabuleux écrin de notre planète où se succèdent les merveilles naturelles. Ses étendues immenses et ses couleurs flamboyantes en font un pays inoubliable. Du désert du Namib au stupéfiant canyon de la Fish River, en passant par l’extraordinaire parc national d’Etosha où évoluent éléphants, antilopes, girafes, zèbres et lions à l’état sauvage, Carte postale de Namibie vous embarque dans une aventure qui restera longtemps gravée dans votre mémoire.</t>
  </si>
  <si>
    <t>P0805368</t>
  </si>
  <si>
    <t>Regarde le monde : Au bonheur des parcs</t>
  </si>
  <si>
    <t>Au bonheur des parcs</t>
  </si>
  <si>
    <t>00:27</t>
  </si>
  <si>
    <t>« Regarde le monde » dessine pour vous les contours des plus belles destinations du globe… Direction la Croatie qui renferme une faune et une flore protégées. Huit parcs nationaux prouvent une prise de conscience écologique et l’engagement du pays pour la protection de sa biodiversité. L’espèce des ours bruns reste néanmoins fragile et Yvan a fondé un orphelinat pour oursons. Le Montana est aussi un paradis dédié à toutes les espèces. Des étudiants sont venus passer six mois pour apprendre les méthodes de survie en montagne. Notre voyage continue au Mexique où se cache l’immense réserve naturelle de Sian Ka’an, 2ème plus grande zone protégée du pays qui s’étend sur 600 000 hectares. En Polynésie, les lagons font la richesse de l’Archipel… Le Jet France, un ancien catamaran de course reconverti en bateau de croisière, propose de découvrir Tetiaroa, « l’île aux oiseaux » et atoll de Marlon Brando. Enfin, en Andalousie existe un refuge dédié aux volatiles : le parc Doñana classé à l’Unesco…</t>
  </si>
  <si>
    <t>P0831561</t>
  </si>
  <si>
    <t>Echappées belles : Les Alpes du Sud...</t>
  </si>
  <si>
    <t>Les Alpes du Sud...</t>
  </si>
  <si>
    <t>01:29</t>
  </si>
  <si>
    <t>Au bas de la station de Serre Chevallier, Raphaël retrouve Sébastien, jeune moniteur ESF qui fait les derniers réglages sur sa planche, il concoure aujourd’hui dans l’épreuve de qualifications de boardercross. Le Challenge marque aussi la fin de la saison d’hiver en station. Raphaël fait ensuite connaissance avec Stéphane Ricard, sportif de haut niveau et professeur des écoles, qui s’entraîne à la course en raquettes. Stéphane initie Raphaël à sa discipline. Puis, de retour au village, Raphaël suit Stéphane jusqu’à l’école ou il travaille …. Ici, le cours d’EPS est un peu particulier : les élèves ont droit à un entrainement intensif. Raphaël retrouve Flora à Saint-Vincent-Les-Forts. La jeune femme commence par une visite chez les producteurs du village, elle cherche de nouvelles expériences culinaires pour les touristes. Chez Jean-Louis, le meunier, tout est produit sur place. Flora et Raphaël remontent au village avec leurs victuailles à l’Auberge montagnarde.</t>
  </si>
  <si>
    <t>P0767097</t>
  </si>
  <si>
    <t>Voyage et Bonnes manières en Tunisie</t>
  </si>
  <si>
    <t xml:space="preserve">Dans sa croisade pour le respect du savoir-vivre des terriens, Véronique Jacquinet part sur le sol tunisien, étudier les codes qui nous permettront de conquérir le cœur d’un peuple généreux et extrêmement amical, qui ne demande qu’à nous faire découvrir la stupéfiante beauté de son territoire. Des richesses de la Médina de Tunis aux luxuriantes palmeraies de Tozeur, en passant par les canyons et le désert salé du Djérid tunisien, décors de cinéma pour Star Wars et Indiana Jones, Véronique croise des personnages hauts en couleur, qui vont lui dévoiler l’art de la courtoisie en Tunisie. </t>
  </si>
  <si>
    <t>V1026727</t>
  </si>
  <si>
    <t>Découvrir le monde : Cyclades Nord, l'amour du bleu</t>
  </si>
  <si>
    <t>Cyclades Nord, l'amour du bleu</t>
  </si>
  <si>
    <t>Le bleu de la mer met en évidence le blanc immaculé des maisons, qui lui-même renforce le bleu des dômes d’églises. Ruelles dallées de pierres proprettes, moulins à vent, pigeonniers, oliveraies et plages inondées de soleil composent un décor de rêve. Un rêve facile à réaliser car les Cyclades nous sont proches, par la géographie comme par l’histoire. Pierre Brouwers a réalisé de nombreux reportages sur ces îles mythiques. Grâce à ses connaissances et à la beauté des images, il nous fait découvrir chacune des îles avec son âme, sa personnalité, et sa population toujours fidèle aux traditions malgré les attraits du monde moderne.</t>
  </si>
  <si>
    <t>14:00:00:00</t>
  </si>
  <si>
    <t>P0743095</t>
  </si>
  <si>
    <t>Découvrir le monde : Cyclades Sud, la ronde du bleu</t>
  </si>
  <si>
    <t>Cyclades Sud, la ronde du bleu</t>
  </si>
  <si>
    <t>Ce documentaire de Pierre Brouwers vous emmène à la découverte des îles les plus méridionales de l'archipel mythique. Points d'orgue : Amorgos, l'île du "Grand Bleu", Santorin qui, dans son écrin de lave noire,  ne ressemble à aucune autre, et Naxos, l'île de Dyonisos, où a lieu en février un carnaval éblouissant de sons et de couleurs.</t>
  </si>
  <si>
    <t>P0767081</t>
  </si>
  <si>
    <t>Trésors d'Europe : Grèce</t>
  </si>
  <si>
    <t>Trésors d'Europe</t>
  </si>
  <si>
    <t>Grèce</t>
  </si>
  <si>
    <t>Julien Bur</t>
  </si>
  <si>
    <t xml:space="preserve">Des Cyclades, on connaît les plages paradisiaques et les maisons blanches qui donnent un sentiment de bout du monde. Mais qui connaît les hommages religieux faits à la Vierge lors de la procession de Pâques de Folegandros, qui a déjà rencontré le paniyira de l’île de Sifnos ? On part en plongée dans la Grèce des mythes : direction les profondeurs maritimes pour observer l’épave du navire Marina 3, puis ballade sur l’île sacrée de Délos. Et si certains jet-setters viennent y faire la fête, on préfère nous se ressourcer et tester sur l’île de Kéa, la digital detox… </t>
  </si>
  <si>
    <t>16:05:00:00</t>
  </si>
  <si>
    <t>P0867098</t>
  </si>
  <si>
    <t>Merveilles de l'UNESCO : Grèce, entre mythe et réalité</t>
  </si>
  <si>
    <t>Merveilles de l'UNESCO</t>
  </si>
  <si>
    <t>Grèce, entre mythe et réalité</t>
  </si>
  <si>
    <t>Luca Bergamaschi</t>
  </si>
  <si>
    <t>Constellation d’îles au cœur de la Méditerranée, la Grèce compte 18 sites classés par l’UNESCO : vestiges de la période hellénistique, édifices façonnés par un subtil mariage entre orient et occident, chaque bien raconte une part de la très riche histoire de ce pays. 
Nous vous proposons un voyage à travers l’histoire de la Grèce. Nous partirons de l’Acropole, rocher des Dieux, pour terminer dans les cieux, à la découverte des sublimes monastères des Météores, où vivent, coupés du monde, des moines orthodoxes. Durant ce voyage, nous découvrirons des merveilles antiques et des personnages uniques qui consacrent leur vie à la sauvegarde de ces trésors. Trésors parfois victimes de l’usure du temps, mais qui retrouvent des couleurs grâce au travail acharné de ces passionnés.</t>
  </si>
  <si>
    <t>V1023226</t>
  </si>
  <si>
    <t>En train à travers... L'Andalousie</t>
  </si>
  <si>
    <t>By Train Through Andalusia</t>
  </si>
  <si>
    <t>00:44</t>
  </si>
  <si>
    <t>Bienvenue à bord du train de luxe "Al Andalus", à la découverte des taureaux et des apprentis toréros, à travers toute la région de l'Andalousie en Espagne. Al Andalus était le nom donné à cette région du temps de l'empire des Maures : une période d'essor culturel, symbolisée par l'Alhambra, le palais rouge. Notre périple commence à Séville, la capitale de la région, sur le parvis de la cathédrale. Le trajet du train va ensuite jusqu'à Cordoue, en passant par Cadix, Ronda et Grenade.</t>
  </si>
  <si>
    <t>P0806814</t>
  </si>
  <si>
    <t>En train à travers... Le Nord de la Suède</t>
  </si>
  <si>
    <t>Life at the Arctic Circle : Sweden's North by train</t>
  </si>
  <si>
    <t>Torben Schmidt</t>
  </si>
  <si>
    <t>Si l’extrême nord de l’Europe est synonyme d’étendues désertes, d’interminables hivers et d’absence totale de soleil lors des mois les plus sombres de l’année, il réserve de bien belles surprises. Le quotidien au cercle polaire arctique, ce sont aussi des aventures naturelles intenses, une paix et une sérénité infinies ainsi que le merveilleux ballet offert par les aurores boréales. Ce voyage en train nous emmènera de Luleå en Suède à Narvik en Norvège ; du golfe de Botnie, en passant par le cercle polaire arctique et la Laponie suédoise, jusqu’à la mer de Norvège et ses fjords adjacents.</t>
  </si>
  <si>
    <t>P0843367</t>
  </si>
  <si>
    <t>L'Espagne vue du ciel : Le littoral ibérique</t>
  </si>
  <si>
    <t>Aerial Spain</t>
  </si>
  <si>
    <t>The Spanish Coasts and Beaches</t>
  </si>
  <si>
    <t>00:47</t>
  </si>
  <si>
    <t>Spain</t>
  </si>
  <si>
    <t>Rubén Artalejo</t>
  </si>
  <si>
    <t>Partez à la découverte des régions côtières espagnoles. Avec ses 7 880 kilomètres de côtes, l’Espagne possède l’une des zones côtières parmi les plus riches d’Europe. Du nord au sud, d’est en ouest ou sur les îles, les littoraux espagnols promettent une géographie, une culture et des paysages d’une grande diversité qui font toute la singularité du pays. Découvrez ces terres ainsi que ce qui vaut à l’Espagne son surnom de pays du soleil.</t>
  </si>
  <si>
    <t>P0843368</t>
  </si>
  <si>
    <t>L'Espagne vue du ciel : L'intérieur des terres</t>
  </si>
  <si>
    <t>The Spanish Inland</t>
  </si>
  <si>
    <t>00:46</t>
  </si>
  <si>
    <t xml:space="preserve">Partez à la découverte de l’intérieur des terres espagnoles, un paysage onirique jalonné de villages, de rivières, de montagnes et de vallées. Au milieu des côtes ensoleillées, des plaines verdoyantes, des fleuves et des cimes enchanteresses, de charmants villages perpétuent les traditions. Au cœur de ses paysages d’une grande diversité, l’Espagne est parvenue à garder une multitude de secrets qui font du pays du soleil un véritable spectacle, écrit et réalisé par Dame Nature en personne. </t>
  </si>
  <si>
    <t>P0867269</t>
  </si>
  <si>
    <t>Echappées belles : La Loire des châteaux</t>
  </si>
  <si>
    <t>La Loire des châteaux</t>
  </si>
  <si>
    <t>01:31</t>
  </si>
  <si>
    <t>Jérôme est en plein vol au-dessus de la Loire. Direction Cheverny ! Il atterrit dans le parc du château. Une arrivée… royale. Constance de Vibraye, la propriétaire, vient à sa rencontre. Charles-Antoine, le mari de Constance, les retrouve. Sa partie à lui, c’est l’entretien du château. Il propose à Jérôme de descendre dans le grenier. Un passage « secret » pour accéder aux campaniles. De là, on peut avoir une vue imprenable. Jérôme se rend maintenant chez un loueur de vélo, compagnon indispensable pour sillonner les bords de Loire. C’est aussi l’opportunité de faire des rencontres inattendues. En regardant au loin, il aperçoit dans le ciel les créatures magnifiques de Michel Gressier : un artiste du cerf-volant. Michel lui propose d’aller découvrir d’autres cerfs-volants, au cœur d’Amboise. Jérôme reprend son vélo et, sur les bords de Loire tombe sur un charmant bateau amarré. L’Amarante, le nom du bateau, fait aussi chambre d’hôtes ! Robin et Sylvain qui s’en occupent proposent à Jérôme d’y passer la nuit.</t>
  </si>
  <si>
    <t>22:20:00:00</t>
  </si>
  <si>
    <t>00:45</t>
  </si>
  <si>
    <t>23:20:00:00</t>
  </si>
  <si>
    <t>00:23</t>
  </si>
  <si>
    <t>23:45:00:00</t>
  </si>
  <si>
    <t>00:25</t>
  </si>
  <si>
    <t>18/11/2020</t>
  </si>
  <si>
    <t>P0877845</t>
  </si>
  <si>
    <t>Voyage à travers les couleurs : La France en rouge</t>
  </si>
  <si>
    <t>La France en rouge</t>
  </si>
  <si>
    <t>Outre sa place sur le drapeau tricolore, emblème national, le rouge est une couleur ambivalente dans l’imaginaire collectif. Rendons-nous au cœur d’un territoire sauvage et protégé, la Camargue, qui abrite le salin d’Aigues-Mortes. De l’or blanc extrait d’une eau rouge. Partons ensuite à Paris, ville lumière, à la découverte de l’un de ses emblèmes : le Moulin Rouge. Dans la palette des rouges, il y a ceux dont l’homme détient le secret, et ceux, dont seule la nature est l’auteure. Roussillon est niché dans le plus important gisement d’ocre au monde, ses façades se déclinent en un feu d’artifice de couleurs. En Bretagne, d’énormes blocs de granit entre Paimpol et Lannion offrent un panorama unique et que les Bretons nomment Aod ar vein ruz, littéralement la « côte des pierres rouges ». Explorons l’un des trésors de la région Rhône-Alpes : les gorges de l’Ardèche, un canyon indompté et profond. Enfin, au pied des montagnes, se trouve Espelette, charmant village basque, célèbre pour sa culture du piment.</t>
  </si>
  <si>
    <t>P0815556</t>
  </si>
  <si>
    <t>Horizons : Namibie, l'Afrique hors du temps</t>
  </si>
  <si>
    <t>Horizons (collection Acquisitions)</t>
  </si>
  <si>
    <t>Namibie, l'Afrique hors du temps</t>
  </si>
  <si>
    <t>Eric Bacos</t>
  </si>
  <si>
    <t>En Namibie, la vie a su s'adapter pour perdurer : il suffit d'une journée de vent ou d'une heure de pluie pour que le décor se transforme. Des déserts à la couleur de rouille aux réserves d’animaux, des espaces infinis aux côtes désertes de l’Atlantique, ce pays est une véritable "terre promise" aux richesses insoupçonnées. Et si son patrimoine naturel est exceptionnel, il abrite aussi une fascinante mosaïque culturelle. La Namibie se mérite et s'apprivoise. C’est sans doute ce qui la préserve encore un peu des grands mouvements du monde et offre au visiteur une magie intacte et fascinante.</t>
  </si>
  <si>
    <t>P0805369</t>
  </si>
  <si>
    <t>Regarde le monde : À l'école du monde</t>
  </si>
  <si>
    <t>À l'école du monde</t>
  </si>
  <si>
    <t xml:space="preserve">« Regarde le monde » dessine pour vous les contours des plus belles destinations du globe… Direction Singapour, où l’excellence est de mise sur les bancs de l’école… Levé de drapeau à 7h20 précise, l’hymne national suivi de la devise du pays sont chantés en chœur par tous les élèves. A New York aussi, l’université prestigieuse de Columbia forme les élites, comptant notamment Roosevelt ou Obama parmi ses anciens étudiants… Nous y suivons Marie, une Française qui se prépare à la cérémonie de remise des diplômes. Le voyage continue au Japon dans une okiya, maison où les maiko sont formées pour devenir geiko (geisha). Tout en divertissant les clients et les touristes, elles préservent les traditions. Au Qatar, une école sport-étude destinée aux garçons qataris a été créée dans le but de former les futurs champions du pays. Enfin, au Burkina Faso, l’accès à l’éducation est un défi au quotidien… Simon Nacoulma a créé une école avec presque rien en 2006, comptant désormais 3 classes et 90 élèves. </t>
  </si>
  <si>
    <t>P0831485</t>
  </si>
  <si>
    <t>Echappées belles : Uruguay, au cœur de l'Amérique latine</t>
  </si>
  <si>
    <t>Uruguay, au cœur de l'Amérique latine</t>
  </si>
  <si>
    <t xml:space="preserve">Sophie est seule dans les rues de Montevideo. Malgré ses façades noircies, la ville, construite un peu comme une utopique capitale européenne, est bourrée de charme dans un style résolument Art’déco. Sophie retrouve Mariela, plaza de Independencia, près de la statue équestre du héros uruguayen José Artigas. Elles font face à l’imposant Palacio Salvo puis marchent dans le Barrio Palermo, quartier populaire de Montevideo qui sera au cœur de la capitale uruguayenne pendant les 40 jours de son fameux carnaval (le plus long du monde). La Rambla de Montevideo est une grande avenue de 22km de long qui borde la côte du Rio de la Plata. Notre duo de marcheuses arrive au Mercado del Puerto. Des milliers de Montévidéens et de touristes viennent savourer le plat typique uruguayen, l’asado, un assortiment de morceaux de viande bovine cuisant sur un grill posé au-dessus des braises. Sophie et Mariela s’installent au comptoir d’un des restaurants du marché. La nuit tombe et un air de Carnaval de Rio emporte Montevideo. </t>
  </si>
  <si>
    <t>P0897568</t>
  </si>
  <si>
    <t>Les plus beaux treks : Le tour du Mont Blanc</t>
  </si>
  <si>
    <t>Le tour du Mont Blanc</t>
  </si>
  <si>
    <t>Le tour du Mont Blanc est un des itinéraires de montagne le plus connu au monde, et c’est sans aucun doute l’itinéraire français le plus fréquenté par les étrangers. 170 kilomètres pour faire le tour du massif le plus haut d’Europe à travers France, Italie et Suisse. Au pied des Grandes Jorasses ou face à la mer de glace, la particularité du sentier est d’offrir des vues imprenables sur le massif, ses sommets et ses glaciers. Un itinéraire de randonnée qui ne nécessite aucune technique d’alpinisme mais qui tutoie ce monde de la très haute montagne. Un sentier en balcon, souvent sur les versants opposés aux plus hauts sommets, qui procure aux marcheurs un sentiment de proximité avec la haute montagne tout en étant en totale sécurité.</t>
  </si>
  <si>
    <t>P0897570</t>
  </si>
  <si>
    <t>Les plus beaux treks : La Guadeloupe</t>
  </si>
  <si>
    <t>La Guadeloupe</t>
  </si>
  <si>
    <t>Dans la liste des destinations treks en Outre-Mer, la Guadeloupe ne vient pas forcément en tête de liste. Et pourtant, l’île ne manque pas d’atouts pour peu qu’on ait une certaine expérience du milieu tropical. L’offre trek en Guadeloupe est moins structurée qu’à la Réunion et les parcours sont plus difficiles qu’en Martinique. Mais avec un bon guide, l’exploration de Basse terre, la partie la plus montagneuse de l’île peut se révéler franchement spectaculaire et aventureuse.
La Guadeloupe est divisée en deux grandes parties. Grande terre qui est le poumon économique de l’île et la zone la plus peuplée, et Basse Terre qui est peuplée uniquement sur la côte et dont la partie centrale est traversée par une chaîne de montagne recouverte par la forêt, au bout de laquelle trône la Soufrière, volcan toujours très actif. Les randonneurs se tourneront naturellement du côté de Basse Terre, véritable sanctuaire de biodiversité qui est un appel à l’exploration.</t>
  </si>
  <si>
    <t>P0864262</t>
  </si>
  <si>
    <t>Secrets des sites mythiques de France : Avignon</t>
  </si>
  <si>
    <t>Secrets des sites mythiques de France</t>
  </si>
  <si>
    <t>Avignon</t>
  </si>
  <si>
    <t>Isabelle Gendre,Timothée Janssen</t>
  </si>
  <si>
    <t xml:space="preserve">Située au confluent du Rhône et de la Durance, Avignon a connu au XIVe siècle une histoire riche et singulière. L’âge d’or de la Papauté a façonné la cité avignonnaise, qui aujourd’hui abrite le célèbre festival de théâtre aux milliers de visiteurs. Avignon recèle de mystères à découvrir et d'histoires à conter. Son pont est célébré dans une chanson connue de tous, mais quelle est son origine ? Comment un tableau a-t-il pu arriver dans la Chartreuse de Villeneuve-lès-Avignon, lieu religieux où l'art était proscrit ? Comment le Palais des Papes a-t-il pu être construit en un délai aussi court ? Pourquoi cette petite ville de province française est-elle devenue le centre de la Papauté pendant des siècles ? </t>
  </si>
  <si>
    <t>V1023230</t>
  </si>
  <si>
    <t>En train à travers... L'Ecosse</t>
  </si>
  <si>
    <t>By Train Through Scotland's Highlands</t>
  </si>
  <si>
    <t>Jan Peter Gehrckens,Jan Schulte-Kellinghaus,Torben Schmidt</t>
  </si>
  <si>
    <t>« En train à travers » invite les amoureux des voyages en train et tous les autres à partir pour d'extraordinaires destinations à travers le monde. Le long de chemins de fer uniques, à bord de machines à vapeurs ou de trains plus modernes, découvrez des destinations aussi variées que surprenantes. Partez cette fois-ci pour les Highlands d'Ecosse !</t>
  </si>
  <si>
    <t>P0806819</t>
  </si>
  <si>
    <t>En train à travers... De Barcelone à Bilbao</t>
  </si>
  <si>
    <t>Northern Spain in seven hours : from Barcelona to Bilbao by train</t>
  </si>
  <si>
    <t>Northern Spain in seven hours : From Barcelona to Bilbao by train</t>
  </si>
  <si>
    <t>Michael Cordero</t>
  </si>
  <si>
    <t>Les guides de voyages ne tarissent pas d’éloges sur le chemin de fer reliant Barcelone à Bilbao et décrivent un itinéraire aux paysages d’une riche diversité, à la fois sublime et pittoresque. Ce train, exploité par la société ferroviaire publique espagnole Renfe, sillonne les contreforts des Pyrénées et remonte l’Èbre. De Barcelone, la capitale catalane, à Bilbao, ville basque de la côte atlantique, sept heures de voyage nous mèneront à travers des régions incroyablement variées, de la Catalogne au pays basque.</t>
  </si>
  <si>
    <t>P0847603</t>
  </si>
  <si>
    <t>L'Asie vue du ciel : La Malaisie</t>
  </si>
  <si>
    <t>Aerial Asia</t>
  </si>
  <si>
    <t>Malaysia</t>
  </si>
  <si>
    <t>Amit Anand,Harun Rahman,Jocelyn Little</t>
  </si>
  <si>
    <t>Au fil de cette odyssée aérienne, imprégnez-vous de la riche histoire de la Malaisie, de l’ancien port de commerce de Malacca aux mines d’étain et aux plantations de caoutchouc qui ont façonné les paysages. Partez à la découverte du superbe patrimoine architectural de Kuala Lumpur ainsi que de la nouvelle capitale administrative de la Malaisie, Putrajaya, ville dévolue aux parcs et jardins botaniques. Admirez les merveilles naturelles foisonnantes du pays, de ses mers fascinantes à ses jungles séculaires, en passant par ses montagnes majestueuses.</t>
  </si>
  <si>
    <t>P0847606</t>
  </si>
  <si>
    <t>L'Asie vue du ciel : L'Inde</t>
  </si>
  <si>
    <t>India</t>
  </si>
  <si>
    <t>Embarquez pour un voyage aérien à la découverte des paysages spectaculaires de l’Inde et de sa population d’une incroyable diversité. Des chefs-d’œuvre ancestraux tels que les bâolis du Rajasthan aux prouesses techniques contemporaines incarnées par la ville de Gurgaon, explorez la richesse, l’histoire et la modernité de ces terres mystérieuses. Après avoir traversé plusieurs millénaires et donné naissance à quatre grandes religions, cette civilisation antique concentre aujourd’hui bien des merveilles, naturelles comme artificielles, et regarde vers l’avenir avec une confiance retrouvée. Préparez-vous pour une explosion de couleurs, de cultures et de panoramas fascinants qui ravira l’œil et l’esprit.</t>
  </si>
  <si>
    <t>Voyage en bande : La Côte d'Albâtre</t>
  </si>
  <si>
    <t>La Côte d'Albâtre</t>
  </si>
  <si>
    <t xml:space="preserve">La dessinatrice Catel a connu la notoriété avec ses monographies de femmes inspirantes : Olympe de Gouges, Kiki de Montparnasse, Joséphine Baker… Sa prochaine héroïne s’appelle Anita Conti, pionnière de l’océanographie, première femme à être montée sur les bateaux de pêche en partance pour Terre-neuve. Une véritable icône de légende dans le port de Fécamp, là où notre dessinatrice a installé son atelier avec vue sur la mer. Toute petite c’est en famille que Catel a découvert les plages de Normandie pendant les vacances. Aujourd’hui le port de Fécamp, la côte d’Albâtre et ses falaises, l’arrière-pays normand, sont devenus une source d’inspiration constante pour Catel. Sur les traces des impressionnistes elle nous embarque pour ce voyage en bandes, cahier de croquis en main, à la rencontre des paysages et des hommes qui vivent entre terre et mer au bord des célèbres falaises de craie blanche immortalisées par les peintres et les écrivains du monde entier. </t>
  </si>
  <si>
    <t>P0769851</t>
  </si>
  <si>
    <t>J'irai dormir chez vous : Thaïlande</t>
  </si>
  <si>
    <t>Thaïlande</t>
  </si>
  <si>
    <t>Antoine débarque sur l'île de Ko Lanta dans le sud de la Thaïlande. C'est un endroit touristique et il décide de s'éloigner. Il loue un tuk-tuk, une sorte de triporteur greffé sur une moto qui lui permet de rencontrer des musulmanes jouant au volley. A la fin de la partie, Kruya accepte de l'accueillir chez elle mais, religion oblige, Antoine devra passer la nuit à l'école. Le voyageur se rend à Lampang, une petite ville dans le nord du pays. Il tombe sur Tui qui lui propose de l'emmener au centre commercial ! Tui est exubérante et la proposition est incongrue, il accepte. Elle l'invite à rencontrer Parn sa patronne dans un restaurant. Antoine se rend ensuite à Bangkok où il atterrit dans un marché de nuit. Il fait la connaissance de jeunes enthousiastes qui tiennent une gargote. Antoine termine son voyage à Chiangmai près de la frontière birmane. Sur la route, il fait la connaissance de Nuch, une jeune femme qui vend toutes sortes de nourritures avec une moto surchargée.</t>
  </si>
  <si>
    <t>22:40:00:00</t>
  </si>
  <si>
    <t>24:30:00:00</t>
  </si>
  <si>
    <t>19/11/2020</t>
  </si>
  <si>
    <t>P0877848</t>
  </si>
  <si>
    <t>Voyage à travers les couleurs : La France en vert</t>
  </si>
  <si>
    <t>La France en vert</t>
  </si>
  <si>
    <t>La renommée de l’Hexagone repose sur la variété de ses sites naturels, où le vert prédomine. Couleur des défenseurs de l'environnement, du monde naturel et sauvage, elle se glisse jusque dans nos assiettes. Partons dans le marais poitevin, surnommée la Venise verte. Rencontrons des jardiniers architectes qui s’évertuent à marier les nuances de vert du monde végétal. En Bourgogne, le château de Cormatin est niché dans un parc de 12 hectares. En plus de ses vertus ornementales, le vert symbolise les grands espaces. La France peut compter sur son massif central. Prairies, forêts, montagnes et lacs, s’étendent sur près de 85 000 km2. Un lieu unique qui permet de faire des observations météorologiques pointues et dont les sols sont parfaitement adaptés à la culture d’une spécialité culinaire. Autrement, les olives sont l’or vert de la région marseillaise et dont le précieux liquide a assuré sa renommée. Enfin, les gorges du Verdon déroulent leurs eaux émeraudes et émerveillent randonneurs et amateurs d’escalade.</t>
  </si>
  <si>
    <t>P0878856</t>
  </si>
  <si>
    <t>Exploration Namibienne</t>
  </si>
  <si>
    <t>Exploration namibienne</t>
  </si>
  <si>
    <t>Robert Iséni,Simon Allix</t>
  </si>
  <si>
    <t>Scientifique, aventurier, écrivain et grand spécialiste des déserts à travers le monde et des populations qui y vivent, Philippe Frey a parcouru ces étendues hostiles le plus souvent seul, à pied et au cap… alors que chacune était réputée infranchissable, y compris par les locaux. Dans ce film, Philippe accompagne un petit groupe de voyageurs au cœur de la Namibie. Sa grande connaissance des lieux lui permet de nous emmener hors des sentiers battus, à la découverte des secrets du grand Namib. Un voyage à travers des paysages majestueux, des océans de dunes à perte de vue, des désert caillouteux, la vallée de la lune, ou au cœur de la savane. À la rencontre des peuples autochtones comme les Bushman ou les Himbas et de leur histoire de plus de 6000 ans. De l’évocation du passé coloniale plus récent et de l’observation de nombreuses espèces animales rares et sauvages, c’est un véritable voyage à travers l’espace et le temps et la promesse d’une évasion riche d’enseignement sur cette partie de l’Afrique.</t>
  </si>
  <si>
    <t>P0805371</t>
  </si>
  <si>
    <t>Regarde le monde : Bêtes pas bêtes ?</t>
  </si>
  <si>
    <t>Bêtes pas bêtes ?</t>
  </si>
  <si>
    <t>« Regarde le monde » dessine pour vous les contours des plus belles destinations du globe… Partons d’abord pour l’île Maurice, territoire peuplé d’espèces rares et précieuses qui sont les seuls habitants des 26 hectares de l’île aux Aigrettes. Giannie travaille pour la Fondation mauricienne pour la vie sauvage et veille sur ce petit paradis. En Californie aussi existe un sanctuaire, l’aquarium de Monterey-Carmel, qui accueille 625 espèces d’animaux marins dans ses eaux. Notre voyage continue au Brésil où les animaux sont les gardiens des hommes… La police de Marajo mène ses patrouilles à dos de buffles, un animal respecté et vénéré des habitants. Dans l’ouest américain, un lien fort relie les chevaux et les hommes… Anna Twinney doit se rendre au village Duboïs au fin fond du Wyoming. Sa spécialité est de murmurer aux oreilles des chevaux. Au Moyen-Orient à Oman, le dromadaire appartient depuis des siècles à la culture du pays… Seif, comme ses frères, est éleveur de dromadaires de course.</t>
  </si>
  <si>
    <t>P0831486</t>
  </si>
  <si>
    <t>Echappées belles : Les Pyrénées</t>
  </si>
  <si>
    <t>Les Pyrénées</t>
  </si>
  <si>
    <t>Laurent et Jérôme vérifient leurs chaussures de randonnée, mettent leur sac sur le dos, et se lancent en direction du Cirque de Gavarnie. C’est par le Plateau de Bellevue, situé à plus de 1500 m, qu’ils randonnent et profitent d’une très belle vue sur le cirque de Gavarnie, ses sommets à plus de 3000 m, et sa grande cascade (la plus haute d’Europe… Philippe, le gardien du refuge de la Hole depuis janvier, accueille les voyageurs et montre à Jérôme sa chambre. Jérôme dormira dans un lit superposé dans un dortoir de 12 places avec d’autres randonneurs. Sur le gave d’Héas, deux jeunes profitent du courant pour faire du canyoning. Il s’agit d’Amélie, la copine de Laurent, et Sofiane, un ami, avec qui Laurent a l’habitude de faire des sorties en canyon. Ils prêtent une combinaison à Laurent et Jérôme, et les encouragent à sauter dans l’eau avec eux ! Jérôme regarde comment les professionnels se débrouillent. Après cette sortie sportive, Laurent propose à Jérôme de se réchauffer au refuge des Chasseurs.</t>
  </si>
  <si>
    <t>P0876260</t>
  </si>
  <si>
    <t>Des trains pas comme les autres : Cambodge</t>
  </si>
  <si>
    <t>Cambodge</t>
  </si>
  <si>
    <t xml:space="preserve">Du sud au nord, des plages paradisiaques de Sihanoukville jusqu’aux temples d’Angkor, l’ancienne capitale de l’Empire Khmer, Philippe Gougler va parcourir le Cambodge grâce à l’unique ligne de chemin de fer du pays, une ligne construite par les français pendant la colonisation. Après une longue période d’abandon, le train a été relancé dans le pays tout récemment, en 2016, les anciennes voies ont été modernisées et le trafic reprend progressivement. 
Au programme : chasse à la tarentule au milieu de la campagne, visite de la capitale Phnom Penh et du Lac Tonlé Sap où Philippe va découvrir la vie au rythme de l’eau et faire la rencontre du peuple cambodgien. 
</t>
  </si>
  <si>
    <t>P0876261</t>
  </si>
  <si>
    <t>Des trains pas comme les autres : Suisse</t>
  </si>
  <si>
    <t>Suisse</t>
  </si>
  <si>
    <t>Dans cet épisode, Philippe Gougler nous emmène en Suisse, en hiver. Et quand il fait froid, rien de tel qu’une bonne fondue, mais à bord d’un train ! Dans la région de Gruyères, des passionnés font rouler un petit train gastronomique. Puis au cours d’une balade en forêt, il va tomber nez à nez avec des adeptes de Tummo, une forme de Yoga qui se pratique presque nu, dans la neige ! La Suisse compte de nombreuses voies ferrées, et celle du Bernina Express est incontournable quand on aime les trains : des paysages à couper le souffle entre Suisse et Italie. Philippe descendra à Saint-Moritz, station huppée où il découvrira la plus vieille piste de bobsleigh en glace naturelle au monde, avant de faire une étape dans la vallée de Joux, pour rencontrer un spécialiste de l’horlogerie compliquée. Direction le pic de la Jungfrau, où un train incroyable grimpe au sommet dans la montagne, à 3 454 mètres d'altitude, la gare la plus haute d’Europe. Philippe achèvera son voyage à Lausanne, avec une étonnante tradition…</t>
  </si>
  <si>
    <t>P0848450</t>
  </si>
  <si>
    <t>Archipels de feu : Cap-Vert</t>
  </si>
  <si>
    <t>Croisière : Archipels de feu</t>
  </si>
  <si>
    <t>Cap-Vert</t>
  </si>
  <si>
    <t>Alain Dayan,Christophe Boyer,Sam Caro,Sandrine Dumas</t>
  </si>
  <si>
    <t>Ce documentaire repose sur une dualité spectaculaire. L’Océan. Immense, puissant, qui décline à l’infini sa palette de bleus profonds et de verts chatoyants. Le Volcan. Imprévisible, tonitruant qui crache des panaches de fumée blanche et des coulées de lave incandescentes. L’eau et le feu, lorsqu’ils se rencontrent, produisent des paysages à couper le souffle. Nés de l’opposition des plaques tectoniques qui s’entrechoquent dans les tréfonds de la planète, des archipels de feu dérivent au milieu des océans. Soumis aux tempêtes de l’océan comme aux colères des volcans, l’Homme, questionné par tant de mystères, a trouvé refuge dans les croyances et les superstitions. Un affrontement dantesque qui a nourri de nombreuses civilisations. Mers et volcans dessinent les contours de cette collection documentaire. L’équipe embarque à bord d’un bateau de croisière et d’exploration, et met le cap vers une région du monde où l’activité volcanique est exceptionnelle : les îles du Cap-Vert dans l’Atlantique Sud.</t>
  </si>
  <si>
    <t>P0872392</t>
  </si>
  <si>
    <t>Archipels de feu : Islande</t>
  </si>
  <si>
    <t>Islande</t>
  </si>
  <si>
    <t>Située au cœur de l’Atlantique aux confins du cercle polaire, l’Islande est une île singulière. Elle est traversée par une faille gigantesque née de l’affrontement titanesque que se livrent les plaques tectoniques Nord-Américaine et Eurasiatique. Agitée de puissantes forces telluriques, l’île est un véritable laboratoire à ciel ouvert consacré à l’observation des volcans. Nombre d’entre eux sont en sommeil mais quand ils se réveillent, ce n’est pas seulement l’Islande mais l’Europe qui retient son souffle.</t>
  </si>
  <si>
    <t>P0806817</t>
  </si>
  <si>
    <t>En train à travers... Le Vietnam</t>
  </si>
  <si>
    <t>Across Vietnam by train</t>
  </si>
  <si>
    <t>Philippe Abresch</t>
  </si>
  <si>
    <t>Près de 40 ans se sont écoulés depuis la fin de la guerre et ce pays autrefois divisé s’éveille, vibrant, éclatant, au chaos plus grand encore que n’importe quelle nation d’Asie du Sud-Est. L’Express de la réunification, la plus longue ligne de chemin de fer du pays qui relie chaque jour le nord au sud, constitue la liaison la plus importante. D’une longueur de 1 736 kilomètres, elle part de Hanoï, la capitale, à destination de Ho-Chi-Minh-Ville, aussi appelée Saigon et deuxième métropole du Vietnam. Nous suivrons les aventures des passagers et du personnel du train lors de la longue traversée de ce pays fascinant. Chez les uns, les compartiments étroits permettront de tisser des liens entre voyageurs. Les amoureux des grandes étendues, quant à eux, admireront le panorama saisissant qui se déploie de l’autre côté des fenêtres, au milieu des champs de lotus du sud de Hanoï. À gauche : la côte, ses palmiers et ses eaux bleutées. À droite : des montagnes, des forêts et les grottes du Massif Central vietnamien.</t>
  </si>
  <si>
    <t>P0846361</t>
  </si>
  <si>
    <t>Sur les rails de France : De la Picardie à la Normandie</t>
  </si>
  <si>
    <t>Sur les rails de France</t>
  </si>
  <si>
    <t>De la Picardie à la Normandie</t>
  </si>
  <si>
    <t>Aurélia Michon,Brice Martinelli,Jean-Luc Lénée</t>
  </si>
  <si>
    <t>Notre voyage débute à bord du petit train de la baie de Somme, qui relie Le Crotoy à Saint-Valery. Installés sur une banquette en bois et bercés par le bruit ambiant, cette vénérable machine à vapeur nous promet un beau voyage dans le temps, au cours duquel nous admirerons ce formidable jardin potager maritime qu’est la baie, avec ses légumes de mer aux saveurs insoupçonnées. Nous découvrirons le petit village de Saint-Valery, joyau médiéval de la côte picarde qui regorge de petits trésors architecturaux ; puis la Normandie, sur les sièges du train régional de la Côte fleurie, un surnom qu’il doit aux milliers de pommiers qui fleurissent ici chaque printemps ! Quelques haltes s’imposeront sur les magnifiques plages de sable de la côte normande, qui sont à l’origine de stations balnéaires comme Houlgate et Deauville, où nous visiterons la villa Strassburger, dont le luxe est digne des plus grands palaces parisiens. Du petit train de Vermandois jusqu’à Origny-Sainte-Benoîte, la promenade s’annonce inoubliable.</t>
  </si>
  <si>
    <t>P0847551</t>
  </si>
  <si>
    <t>Vues d'en haut : Le nord-ouest de l'Angleterre</t>
  </si>
  <si>
    <t>England - Hutton in the Forest to St Bees Head (FRA)</t>
  </si>
  <si>
    <t>00:24</t>
  </si>
  <si>
    <t>Ethan Hunter</t>
  </si>
  <si>
    <t>Notre aventure débute à Hutton-in-the-Forest, sublime manoir tout droit venu des légendes du roi Arthur, avant de se poursuivre jusqu’aux ruines du château de Brougham. Cap ensuite sur le Lake District, qui a inspiré de nombreux poètes, peintres et promeneurs au fil des siècles. Depuis Ullswater, nous grimpons jusqu’à Helvellyn, l’un des plus hauts sommets montagneux d’Angleterre, puis continuons notre route jusqu’au cromlech de Castlerigg, qui figure parmi les plus vieux cromlechs de Grande-Bretagne. Du pic du Skiddaw, nous prenons la direction du sud jusqu’aux lacs Derwentwater et Buttermere. Notre périple se conclut à St Bees Head, point le plus occidental du nord de l’Angleterre.</t>
  </si>
  <si>
    <t>19:30:00:00</t>
  </si>
  <si>
    <t>P0847554</t>
  </si>
  <si>
    <t>Vues d'en haut : Des falaises Seven Sisters à Canterbury</t>
  </si>
  <si>
    <t>England - Seven Sisters to Canterbury Cathedral (FRA)</t>
  </si>
  <si>
    <t>Les Seven Sisters, ensemble de falaises crayeuses spectaculaires situées sur la côte sud de l’Angleterre, marquent le début de notre voyage. Nous prenons ensuite la direction de l’est, jusqu’à Battle, site de l’une des dates les plus importantes de l’histoire d’Angleterre : la bataille d’Hastings, en 1066. Plus au nord, nous visitons Bateman’s, demeure de Rudyard Kipling, l’un des plus illustres poètes du pays. Nous poursuivons à l’est jusqu’au Romney Marsh, endroit venu d’un autre monde parfois surnommé « le cinquième continent », avant de nous envoler pour Douvres, l’un des ports de voyageurs les plus fréquentés de la planète et lien essentiel entre la Grande-Bretagne et l’Europe continentale. Nous remontons ensuite la côte nord et survolons le château de Deal, chef-d’œuvre d’ingénierie militaire médiéval, puis terminons notre aventure dans la somptueuse cathédrale de Canterbury.</t>
  </si>
  <si>
    <t>P0847556</t>
  </si>
  <si>
    <t>Vues d'en haut : Sur la frontière anglo-galloise</t>
  </si>
  <si>
    <t>Wales - Monmouth to Dee Estuary (FRA)</t>
  </si>
  <si>
    <t>Notre aventure débute à Symonds Yat, au cœur d’une région anglaise à la beauté naturelle stupéfiante. Du sud au nord, nous survolons les comtés à cheval sur la frontière anglo-galloise. Dans l’Herefordshire, nous explorons les ruines médiévales du château de Goodrich. À Hereford, la magnifique cathédrale ainsi que la demeure d’un trésor médiéval exceptionnel méritent une halte. Nous poursuivons notre épopée jusqu’au château de Stokesay, l’un des manoirs fortifiés du Moyen-Âge les mieux préservés. À Welshpool, nous flânons dans un somptueux jardin du château de Powis et visitons une ferme expérimentale victorienne. Cap ensuite au nord où nous attend l’un des plus beaux chefs-d’œuvre d’ingénierie du 18e siècle à Llangollen, avant de conclure notre odyssée dans l’estuaire de la Dee.</t>
  </si>
  <si>
    <t>20:30:00:00</t>
  </si>
  <si>
    <t>P0847558</t>
  </si>
  <si>
    <t>Vues d'en haut : Sur les traces de Buffalo Bill</t>
  </si>
  <si>
    <t>USA, Wyoming - Lost Cabin to Devil’s Tower (FRA)</t>
  </si>
  <si>
    <t>Notre périple débute dans la commune frontalière reculée de Lost Cabin, avant de rejoindre Medicine Lodge, plus au nord, l’un des sites archéologiques majeurs de l’État américain du Wyoming, où se trouvent des œuvres d’art rupestre créées par des Amérindiens sur plusieurs millénaires. À l’est nous attend la ville de Sheridan et son illustre auberge, ancienne demeure de la figure mythique du Far West, Buffalo Bill. Nous prenons ensuite la direction du sud jusqu’à la ville de Buffalo, toile de fond des légendes les plus célèbres de la conquête de l’Ouest. À l’est, nous partons à la découverte d’un site de chasse amérindien historique, le Vore Buffalo Jump, puis terminons notre voyage face à la spectaculaire et vertigineuse Devil’s Tower, premier monument national des États-Unis et lieu sacré des Amérindiens.</t>
  </si>
  <si>
    <t>P0837430</t>
  </si>
  <si>
    <t>Trésors vus du ciel : Le monde secret du Yucatan</t>
  </si>
  <si>
    <t>Lost World of the Yucatan</t>
  </si>
  <si>
    <t>La forêt tropicale du Yucatan évolue au sein de la plus vaste étendue de forêt tropicale d’Amérique centrale. L’ensemble des espèces de cette région immaculée et sauvage du Mexique ne pourraient survivre sans un mystérieux monde souterrain. De grandes rivières cachées donnent vie à ce qui ne serait, sans elles, que des terres arides et hostiles. Sculpté par une géologie unique, le sous-sol de la forêt détient le secret de l’apogée et de la chute de l’ancienne civilisation maya et constitue le poumon du Yucatan.</t>
  </si>
  <si>
    <t>P0847238</t>
  </si>
  <si>
    <t>Vues d'en haut : Dans les Rocheuses du Montana</t>
  </si>
  <si>
    <t>USA - Montana, Missoula to Hungry Horse Dam (FRA)</t>
  </si>
  <si>
    <t xml:space="preserve">Notre aventure débute à Missoula, seule ville de notre périple et siège de l’université du Montana. Nous nous enfonçons ensuite au cœur de la forêt nationale de Flathead, refuge du bison autrefois au bord de l’extinction. Cap ensuite vers le parc Bob Marshall Wilderness plus au nord, l’une des plus grandes réalisations des États-Unis en matière de sauvegarde de l’environnement. Nous survolons les immenses montagnes Rocheuses, ligne continentale de partage des eaux qui s’écoulent soit vers l’océan Pacifique à l’ouest, soit vers l’Atlantique à l’est.
</t>
  </si>
  <si>
    <t>22:15:00:00</t>
  </si>
  <si>
    <t>P0847239</t>
  </si>
  <si>
    <t>Vues d'en haut : Dans les Highlands écossaises</t>
  </si>
  <si>
    <t>Scotland - Fort William to the Old Man of Hoy (FRA)</t>
  </si>
  <si>
    <t xml:space="preserve">Notre aventure débute à Fort William, l’une des plus grandes villes des Highlands, et suit le Great Glen Way, la faille géologique qui traverse l’Écosse. Après avoir longé le canal calédonien, nous arrivons au Loch Ness, où se tapit le monstre légendaire le plus célèbre de la planète. Nous traversons ensuite Inverness, la capitale des Highlands qui fut autrefois le théâtre de certaines des batailles les plus sanglantes d’Écosse, avant de poursuivre jusqu’aux terres situées à l’extrémité nord du continent britannique. Après la traversée du détroit des Orcades, nous débarquons sur les îles du même nom à la beauté envoûtante, où nous attendent les mystérieux monuments néolithiques classés au patrimoine mondial de l’UNESCO. Le Old Man of Hoy, l’une des structures naturelles les plus extraordinaires du pays et plus haut stack de Grande-Bretagne, signe la fin de notre périple.
</t>
  </si>
  <si>
    <t>26:05:00:00</t>
  </si>
  <si>
    <t>27:05:00:00</t>
  </si>
  <si>
    <t>28:05:00:00</t>
  </si>
  <si>
    <t>20/11/2020</t>
  </si>
  <si>
    <t>P0728265</t>
  </si>
  <si>
    <t>Découvrir le monde : Namibie, l'aventure originelle</t>
  </si>
  <si>
    <t>Namibie, l'aventure originelle</t>
  </si>
  <si>
    <t>Éléphants, girafes, zèbres, koudous et babouins traversent tranquillement la route devant les voitures. Déserts lunaires et canyons fantastiques se relaient avec les plus belles dunes du monde pour dresser un décor qui défie l'imagination. Bochimans, Himbas et Héréros, avec leur gentillesse innée, accentuent encore la séduction. Jamais, lors de ses tournages, Pierre Brouwers n'avait connu une telle concentration de beauté à l'état pur.</t>
  </si>
  <si>
    <t>P0805374</t>
  </si>
  <si>
    <t>Regarde le monde : Un monde en fêtes</t>
  </si>
  <si>
    <t>Un monde en fêtes</t>
  </si>
  <si>
    <t>« Regarde le monde » dessine pour vous les contours des plus belles destinations du globe… On vous emmène célébrer le nouvel an hmong au Laos…. À Ban Long Lane, tous les habitants vivent de façon ancestrale. On y prépare le nouvel an dont les festivités vont durer quinze jours. Sur l’île de la Réunion, une autre fête ancestrale se transmet de génération en génération… En 1848, après l’abolition de l’esclavage, des populations venues du Sri Lanka et du sud de l’Inde implantent les traditions indiennes sur l’île, comme la marche sur le feu. A des milliers de kilomètres de là, en Inde, une fête célèbre la nature et les saisons… Chaque année à la mi-janvier a lieu la Fête du Pongal, qui célèbre les moissons. La nature, le soleil, le bétail et la terre sont remerciés par les habitants. Enfin, en Martinique, c’est la fête de Noël qui fédère le plus les habitants… Dans la maison de Sylvestre, c’est l’effervescence : il faut plusieurs heures de préparation pour préparer le menu traditionnel de Noël.</t>
  </si>
  <si>
    <t>P0841064</t>
  </si>
  <si>
    <t>Echappées belles : Malaisie, de Kuala Lumpur à Malacca</t>
  </si>
  <si>
    <t>Malaisie, de Kuala Lumpur à Malacca</t>
  </si>
  <si>
    <t>C’est bien évidemment au pied des tours jumelles Petronas que Kenny, photographe, et Jérôme se retrouvent. Les tours dominent toute la ville et sont le repère de beaucoup d’habitants de Kuala Lumpur. Pour être en immersion totale avec les Kuala Lumpuriens, Jérôme et Kenny s’enfoncent dans les quartiers truculents et marchés parfumés de Kuala Lumpur. C’est d’abord au Kampung Baru et le marché Chow-kit, le plus ancien quartier malais de Kuala Lumpur, que Kenny fait découvrir un warung, les petits stands de street food. Ici, Pak Cik Hamzah prépare des Kuih, des pâtisseries dont la recette vient de sa mère. Pour le plat principal, c’est à Petaling Street dans le quartier chinois qu’ils se rendent. Depuis 1945, Peter Lee tient le petit estaminet avec son neveu et sert ses Koon Kee Wantan Noodles. Jérôme prend ensuite la route pour les Cameron Highlands. Sur le bord de la route, des vendeurs tiennent des stands de fruits exotiques et locaux. Jérôme s’arrête un instant pour goûter quelques produits frais.</t>
  </si>
  <si>
    <t>P0897573</t>
  </si>
  <si>
    <t>Les plus beaux treks : Les Vosges</t>
  </si>
  <si>
    <t>Les Vosges</t>
  </si>
  <si>
    <t xml:space="preserve">Le Massif des Vosges est traversé du Nord au Sud par le GR5 qui relie la mer du Nord à la Méditerranée. La partie Vosgienne de ce sentier de grande randonnée est balisé avec un carré rouge, signalétique propre au club vosgien, un des plus vieux clubs de randonnée de France. C’est un itinéraire de moyenne montagne qui chemine à travers les grandes forêts et les hautes chaumes dégagées des lignes de crête. Avec Albane Lessard, accompagnatrice en Montagne sur ce massif, nous allons à la rencontre de ce territoire avec une approche qui lui est propre, centrée sur le bien-être dans la nature, et en particulier dans la forêt. Sylvothérapie, respiration abdominale, méditation active et marche consciente sont les maitres mots d’Albane pour marcher en réconciliant le corps et l’esprit. Albane inscrit clairement la marche et l’itinérance dans une démarche personnelle qu’elle veut faire partager aux autres. </t>
  </si>
  <si>
    <t>P0807456</t>
  </si>
  <si>
    <t>Le Japon entre ciel et terre : Les îles bleues du Sud</t>
  </si>
  <si>
    <t>Les îles bleues du Sud</t>
  </si>
  <si>
    <t>Le Japon est un archipel d'une richesse naturelle immense. Les grandes îles du sud, Shikoku, Kyushu et Okinawa, avec leur atmosphère sereine, sont le berceau de la spiritualité japonaise. Au milieu de paysages spectaculaires, ce voyage entre mer et ciel à la découverte des îles mystiques et sauvages du Sud dévoilera le visage d'un Japon secret.</t>
  </si>
  <si>
    <t>P0843369</t>
  </si>
  <si>
    <t>L'Espagne vue du ciel : Villages blancs et gratte-ciel</t>
  </si>
  <si>
    <t>Spain's Most Emblematic Cities and Villages</t>
  </si>
  <si>
    <t>Partez à la découverte des villes et villages les plus emblématiques d’Espagne. Au programme : l’art de Séville, l’avant-garde de Barcelone, le charme d’Albarracín... Des lieux où tradition et modernité coexistent en parfaite harmonie.</t>
  </si>
  <si>
    <t>P0847610</t>
  </si>
  <si>
    <t>L'Asie vue du ciel : L'Indonésie</t>
  </si>
  <si>
    <t>Indonesia</t>
  </si>
  <si>
    <t>Embarquez pour un voyage aérien sans escale au-dessus de l’un des pays les plus tropicaux et les plus fascinants du continent asiatique : l’Indonésie. Avec environ 17 500 îles, le pays constitue le plus grand archipel de la planète. Explorez ses volcans bouillonnants, ses jungles impénétrables et ses eaux extraordinaires. À travers ses festivités et célébrations ancestrales, découvrez l’âme et la culture d’une incroyable richesse de sa population.</t>
  </si>
  <si>
    <t>P0847559</t>
  </si>
  <si>
    <t>Vues d'en haut : Sur les côtes irlandaises</t>
  </si>
  <si>
    <t>Ireland - Mullaghmore to Aran Islands (FRA)</t>
  </si>
  <si>
    <t>Notre voyage débute au château de Classiebawn, à Mullaghmore, décor d’un assassinat royal tragique à la beauté côtière sauvage. Cap ensuite sur l’impressionnante montagne Ben Bulben, lieu de repos éternel du grand poète William Butler Yeats. Au cœur des monts Bricklieve, nous partons à la découverte d’un site néolithique fascinant, le cimetière mégalithique de Carrowkeel. Nous explorons la basilique de Knock, où la Vierge Marie serait apparue à plusieurs habitants. Non loin de Downpatrick Head, les Céide Fields, plus ancien système agraire de l’âge de pierre conservé dans des tourbières, nous attendent. Nous nous envolons alors pour les îles d’Aran, où les traditions irlandaises restent vives. Notre aventure s’achève sur le plateau du Burren, aux paysages extraordinaires comme venus d’un autre monde.</t>
  </si>
  <si>
    <t>16:30:00:00</t>
  </si>
  <si>
    <t>P0847560</t>
  </si>
  <si>
    <t>Vues d'en haut : En Occitanie</t>
  </si>
  <si>
    <t>France - South coast (FRA)</t>
  </si>
  <si>
    <t>Notre odyssée débute dans la région française du Languedoc-Roussillon, où nous longeons un canal historique qui serpente au cœur du pays cathare. Poursuivant plus à l’est, nous atteignons la côte du Languedoc, avec ses plages baignées de soleil et ses villages médiévaux. Nous remontons le littoral méditerranéen jusqu’à la ville fortifiée d’Aigues-Mortes, où des chevaliers de l’ordre du Temple furent emprisonnés dans une tour, au 14e siècle. Nous nous envolons ensuite pour Montpellier et son esplanade de l’Europe, l’un des sites les plus remarquables de la métropole. Dans le Massif central, nous survolons le viaduc de Millau, le plus haut, et certainement le plus élégant, pont au monde. Depuis les stupéfiantes falaises des gorges du Tarn, nous découvrons des villages reculés, nichés au cœur des Cévennes, avant de conclure notre voyage au sommet de l’un des volcans éteints les plus emblématiques de la région.</t>
  </si>
  <si>
    <t>P0847570</t>
  </si>
  <si>
    <t>Vues d'en haut : Le nord de l'Islande</t>
  </si>
  <si>
    <t>Iceland - North of the country (FRA)</t>
  </si>
  <si>
    <t>Notre odyssée débute dans la petite ville reculée de Patreksfjorour, nichée sous un fjord vertigineux, dans le nord-ouest de l’Islande. À l’est, nous survolons la calotte glaciaire au sommet du Drangajökull, des lacs et des montagnes jusqu’à une ancienne saline. Direction ensuite le paradis des macareux, sur l’île Grímsey, puis le village médiéval de Holar, site de fouilles archéologiques. En plein cœur du Nord-Ouest, nous découvrons la charmante ville d’Akureyri, chef-lieu de la région, et remontons une rivière gelée tumultueuse au sein du somptueux parc national de Vatnajökull, pour ponctuer notre aventure face à l’impressionnante cascade de Dettifoss.</t>
  </si>
  <si>
    <t>P0847571</t>
  </si>
  <si>
    <t>Vues d'en haut : Valence et sa région</t>
  </si>
  <si>
    <t>Spain - South East coast (FRA)</t>
  </si>
  <si>
    <t>Notre aventure le long du littoral méditerranéen espagnol débute à La Manga, paradis nautique bâti sur un spectaculaire cordon côtier naturel. Nous prenons la direction du nord jusqu’à Tabarca, une minuscule île demeurée quasi inchangée depuis le 18e siècle. Nous atteignons Benidorm, ancien village de pêcheurs assoupi devenu l’une des destinations de vacances les plus prisées au monde, haut lieu des voyages organisés. Plus au nord, la superbe ville de Valence mêle édifices médiévaux et architecture contemporaine avec brio. Notre périple s’achève à Peniscola, somptueux port maritime fortifié bâti par les chevaliers du Temple et toile de fond de nombreux blockbusters hollywoodiens.</t>
  </si>
  <si>
    <t>P0847574</t>
  </si>
  <si>
    <t>Vues d'en haut : En Afrique du Sud</t>
  </si>
  <si>
    <t>South Africa - South West along coast (FRA)</t>
  </si>
  <si>
    <t>Notre aventure débute à Saldanha, au bord de la plus vaste et plus profonde baie d’Afrique du Sud. En descendant le littoral, nous survolons le parc national de West Coast ainsi que des vignobles à flanc de coteau jusqu’à Robben Island, île sur laquelle fut détenu Nelson Mandela pendant 17 ans. Plus au sud nous attend le Cap, ville-mère ayant donné naissance à la nation toute entière, surplombée par la légendaire montagne de la Table. En poursuivant notre route vers le sud, nous traversons les plages de sable blanc de Camps Bay et de Noordhoek jusqu’à la ville de Simon’s Town, base navale de l’Afrique du Sud depuis plus de deux siècles. Notre voyage s’achève au cap de Bonne-Espérance, dans les eaux sillonnées par un navire fantôme.</t>
  </si>
  <si>
    <t>P0847576</t>
  </si>
  <si>
    <t>Vues d'en haut : Les forêts de l'Arkansas</t>
  </si>
  <si>
    <t>USA, Arkansas (FRA)</t>
  </si>
  <si>
    <t>Notre traversée de l’Arkansas débute à Stamps, lieu de naissance et sujet de l’écrivaine Maya Angelou, avant de survoler la ville de Hope et la maison d’enfance de l’ancien président Bill Clinton. Plus au nord, nous sillonnons le Diamond State Park, mine ouverte aux visiteurs qui peuvent partir à la recherche de certains des plus gros diamants du pays. Nous poursuivons à l’est jusqu’au lac Hamilton, spectaculaire lac artificiel et destination prisée des amateurs de sports nautiques. Cap ensuite au nord, à la découverte de l’immense forêt nationale d’Ozark, étendue sauvage fascinante fidèle à la réputation d’« État naturel » de l’Arkansas. La ville historique de Fort Smith marque le point final de notre voyage.</t>
  </si>
  <si>
    <t>Les nouveaux voyageurs des cimes</t>
  </si>
  <si>
    <t>Bruno Peyronnet</t>
  </si>
  <si>
    <t>P0822053</t>
  </si>
  <si>
    <t>Kailash, sur les sentiers du Tibet</t>
  </si>
  <si>
    <t>Sur les sentiers du Kailash</t>
  </si>
  <si>
    <t>Marc Temmerman,Simon Allix</t>
  </si>
  <si>
    <t>Au Tibet, l’explorateur Simon Allix entraîne un groupe de voyageurs dans une aventure hors du commun : le pèlerinage du Mont Kailash. À la découverte des richesses de l’une des plus belles régions du monde, ces amoureux de nature vivront une expérience qui marquera à jamais leur existence. Les voyages faisant toujours la promesse d’une transformation, les participants de celui-ci voient le Kaïlash comme une ascension importante, symbolisant un tournant dans leur vie personnelle. Ensemble, unis par l’expérience qu’impose cette montagne et ses richesses, les marcheurs, Simon, Françoise, Victoire et Claude, deviendront des pèlerins gravissant les routes de l’éveil, avec comme graal ultime à atteindre : le Mont Dolma. Leur voyage débute à Lhassa, la capitale du Tibet puis dans le territoire central du Tibet, ancienne zone nomade.</t>
  </si>
  <si>
    <t>23:35:00:00</t>
  </si>
  <si>
    <t>27:30:00:00</t>
  </si>
  <si>
    <t>28:00:00:0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4">
    <fill>
      <patternFill patternType="none"/>
    </fill>
    <fill>
      <patternFill patternType="gray125"/>
    </fill>
    <fill>
      <patternFill patternType="solid">
        <fgColor rgb="FFFFFF00"/>
        <bgColor indexed="64"/>
      </patternFill>
    </fill>
    <fill>
      <patternFill patternType="solid">
        <fgColor theme="0"/>
        <bgColor indexed="64"/>
      </patternFill>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11">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4" fillId="2" borderId="1" xfId="0" applyNumberFormat="1" applyFont="1" applyFill="1" applyBorder="1" applyAlignment="1">
      <alignment vertical="top" wrapText="1" readingOrder="1"/>
    </xf>
    <xf numFmtId="0" fontId="1" fillId="2" borderId="0" xfId="0" applyFont="1" applyFill="1" applyBorder="1"/>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xf numFmtId="0" fontId="4" fillId="3" borderId="1" xfId="0" applyNumberFormat="1" applyFont="1" applyFill="1" applyBorder="1" applyAlignment="1">
      <alignment vertical="top" wrapText="1" readingOrder="1"/>
    </xf>
    <xf numFmtId="0" fontId="1" fillId="3" borderId="0" xfId="0" applyFont="1" applyFill="1" applyBorder="1"/>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83"/>
  <sheetViews>
    <sheetView showGridLines="0" tabSelected="1" topLeftCell="A25" workbookViewId="0">
      <selection activeCell="D39" sqref="D39"/>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6" t="s">
        <v>0</v>
      </c>
      <c r="B1" s="7"/>
      <c r="C1" s="7"/>
      <c r="D1" s="7"/>
      <c r="E1" s="7"/>
      <c r="F1" s="7"/>
      <c r="G1" s="7"/>
      <c r="H1" s="7"/>
      <c r="I1" s="7"/>
      <c r="J1" s="7"/>
      <c r="K1" s="7"/>
      <c r="L1" s="8"/>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c r="D3" s="2" t="s">
        <v>15</v>
      </c>
      <c r="E3" s="2" t="s">
        <v>16</v>
      </c>
      <c r="F3" s="2" t="s">
        <v>17</v>
      </c>
      <c r="G3" s="3">
        <v>1</v>
      </c>
      <c r="H3" s="2" t="s">
        <v>18</v>
      </c>
      <c r="I3" s="3">
        <v>2019</v>
      </c>
      <c r="J3" s="2" t="s">
        <v>19</v>
      </c>
      <c r="K3" s="2" t="s">
        <v>20</v>
      </c>
      <c r="L3" s="2" t="s">
        <v>21</v>
      </c>
    </row>
    <row r="4" spans="1:12" ht="15.2" customHeight="1">
      <c r="A4" s="2" t="s">
        <v>13</v>
      </c>
      <c r="B4" s="2" t="s">
        <v>22</v>
      </c>
      <c r="C4" s="2" t="s">
        <v>23</v>
      </c>
      <c r="D4" s="2" t="s">
        <v>24</v>
      </c>
      <c r="E4" s="2" t="s">
        <v>25</v>
      </c>
      <c r="F4" s="2" t="s">
        <v>26</v>
      </c>
      <c r="G4" s="3">
        <v>1</v>
      </c>
      <c r="H4" s="2" t="s">
        <v>18</v>
      </c>
      <c r="I4" s="3">
        <v>2017</v>
      </c>
      <c r="J4" s="2" t="s">
        <v>19</v>
      </c>
      <c r="K4" s="2" t="s">
        <v>27</v>
      </c>
      <c r="L4" s="2" t="s">
        <v>28</v>
      </c>
    </row>
    <row r="5" spans="1:12" ht="15.2" customHeight="1">
      <c r="A5" s="2" t="s">
        <v>13</v>
      </c>
      <c r="B5" s="2" t="s">
        <v>29</v>
      </c>
      <c r="C5" s="2" t="s">
        <v>30</v>
      </c>
      <c r="D5" s="2" t="s">
        <v>31</v>
      </c>
      <c r="E5" s="2" t="s">
        <v>32</v>
      </c>
      <c r="F5" s="2" t="s">
        <v>33</v>
      </c>
      <c r="G5" s="3">
        <v>5</v>
      </c>
      <c r="H5" s="2" t="s">
        <v>18</v>
      </c>
      <c r="I5" s="3">
        <v>2018</v>
      </c>
      <c r="J5" s="2" t="s">
        <v>19</v>
      </c>
      <c r="K5" s="2" t="s">
        <v>34</v>
      </c>
      <c r="L5" s="2" t="s">
        <v>35</v>
      </c>
    </row>
    <row r="6" spans="1:12" ht="15.2" customHeight="1">
      <c r="A6" s="2" t="s">
        <v>13</v>
      </c>
      <c r="B6" s="2" t="s">
        <v>36</v>
      </c>
      <c r="C6" s="2" t="s">
        <v>37</v>
      </c>
      <c r="D6" s="2" t="s">
        <v>38</v>
      </c>
      <c r="E6" s="2" t="s">
        <v>32</v>
      </c>
      <c r="F6" s="2" t="s">
        <v>39</v>
      </c>
      <c r="G6" s="3">
        <v>6</v>
      </c>
      <c r="H6" s="2" t="s">
        <v>18</v>
      </c>
      <c r="I6" s="3">
        <v>2018</v>
      </c>
      <c r="J6" s="2" t="s">
        <v>19</v>
      </c>
      <c r="K6" s="2" t="s">
        <v>34</v>
      </c>
      <c r="L6" s="2" t="s">
        <v>40</v>
      </c>
    </row>
    <row r="7" spans="1:12" ht="15.2" customHeight="1">
      <c r="A7" s="2" t="s">
        <v>13</v>
      </c>
      <c r="B7" s="2" t="s">
        <v>41</v>
      </c>
      <c r="C7" s="2" t="s">
        <v>42</v>
      </c>
      <c r="D7" s="2" t="s">
        <v>43</v>
      </c>
      <c r="E7" s="2" t="s">
        <v>44</v>
      </c>
      <c r="F7" s="2" t="s">
        <v>45</v>
      </c>
      <c r="G7" s="3">
        <v>1</v>
      </c>
      <c r="H7" s="2" t="s">
        <v>46</v>
      </c>
      <c r="I7" s="3">
        <v>2015</v>
      </c>
      <c r="J7" s="2" t="s">
        <v>19</v>
      </c>
      <c r="K7" s="2" t="s">
        <v>47</v>
      </c>
      <c r="L7" s="2" t="s">
        <v>48</v>
      </c>
    </row>
    <row r="8" spans="1:12" ht="15.2" customHeight="1">
      <c r="A8" s="2" t="s">
        <v>13</v>
      </c>
      <c r="B8" s="2" t="s">
        <v>49</v>
      </c>
      <c r="C8" s="2" t="s">
        <v>50</v>
      </c>
      <c r="D8" s="2" t="s">
        <v>51</v>
      </c>
      <c r="E8" s="2" t="s">
        <v>52</v>
      </c>
      <c r="F8" s="2" t="s">
        <v>53</v>
      </c>
      <c r="G8" s="3">
        <v>5</v>
      </c>
      <c r="H8" s="2" t="s">
        <v>54</v>
      </c>
      <c r="I8" s="3">
        <v>2014</v>
      </c>
      <c r="J8" s="2" t="s">
        <v>55</v>
      </c>
      <c r="K8" s="2" t="s">
        <v>56</v>
      </c>
      <c r="L8" s="2" t="s">
        <v>57</v>
      </c>
    </row>
    <row r="9" spans="1:12" ht="15.2" customHeight="1">
      <c r="A9" s="2" t="s">
        <v>13</v>
      </c>
      <c r="B9" s="2" t="s">
        <v>58</v>
      </c>
      <c r="C9" s="2" t="s">
        <v>59</v>
      </c>
      <c r="D9" s="2" t="s">
        <v>60</v>
      </c>
      <c r="E9" s="2" t="s">
        <v>25</v>
      </c>
      <c r="F9" s="2" t="s">
        <v>61</v>
      </c>
      <c r="G9" s="3">
        <v>2</v>
      </c>
      <c r="H9" s="2" t="s">
        <v>18</v>
      </c>
      <c r="I9" s="3">
        <v>2017</v>
      </c>
      <c r="J9" s="2" t="s">
        <v>19</v>
      </c>
      <c r="K9" s="2" t="s">
        <v>27</v>
      </c>
      <c r="L9" s="2" t="s">
        <v>62</v>
      </c>
    </row>
    <row r="10" spans="1:12" ht="15.2" customHeight="1">
      <c r="A10" s="2" t="s">
        <v>13</v>
      </c>
      <c r="B10" s="2" t="s">
        <v>63</v>
      </c>
      <c r="C10" s="2" t="s">
        <v>64</v>
      </c>
      <c r="D10" s="2" t="s">
        <v>65</v>
      </c>
      <c r="E10" s="2" t="s">
        <v>66</v>
      </c>
      <c r="F10" s="2" t="s">
        <v>67</v>
      </c>
      <c r="G10" s="3">
        <v>2</v>
      </c>
      <c r="H10" s="2" t="s">
        <v>68</v>
      </c>
      <c r="I10" s="3">
        <v>2016</v>
      </c>
      <c r="J10" s="2" t="s">
        <v>19</v>
      </c>
      <c r="K10" s="2" t="s">
        <v>69</v>
      </c>
      <c r="L10" s="2" t="s">
        <v>70</v>
      </c>
    </row>
    <row r="11" spans="1:12" ht="15.2" customHeight="1">
      <c r="A11" s="2" t="s">
        <v>13</v>
      </c>
      <c r="B11" s="2" t="s">
        <v>71</v>
      </c>
      <c r="C11" s="2" t="s">
        <v>72</v>
      </c>
      <c r="D11" s="2" t="s">
        <v>73</v>
      </c>
      <c r="E11" s="2" t="s">
        <v>74</v>
      </c>
      <c r="F11" s="2" t="s">
        <v>75</v>
      </c>
      <c r="G11" s="3">
        <v>2</v>
      </c>
      <c r="H11" s="2" t="s">
        <v>76</v>
      </c>
      <c r="I11" s="3">
        <v>2017</v>
      </c>
      <c r="J11" s="2" t="s">
        <v>19</v>
      </c>
      <c r="K11" s="2" t="s">
        <v>77</v>
      </c>
      <c r="L11" s="2" t="s">
        <v>78</v>
      </c>
    </row>
    <row r="12" spans="1:12" ht="15.2" customHeight="1">
      <c r="A12" s="2" t="s">
        <v>13</v>
      </c>
      <c r="B12" s="2" t="s">
        <v>79</v>
      </c>
      <c r="C12" s="2" t="s">
        <v>80</v>
      </c>
      <c r="D12" s="2" t="s">
        <v>81</v>
      </c>
      <c r="E12" s="2" t="s">
        <v>82</v>
      </c>
      <c r="F12" s="2" t="s">
        <v>83</v>
      </c>
      <c r="G12" s="3">
        <v>6</v>
      </c>
      <c r="H12" s="2" t="s">
        <v>18</v>
      </c>
      <c r="I12" s="3">
        <v>2016</v>
      </c>
      <c r="J12" s="2" t="s">
        <v>84</v>
      </c>
      <c r="K12" s="2" t="s">
        <v>85</v>
      </c>
      <c r="L12" s="2" t="s">
        <v>86</v>
      </c>
    </row>
    <row r="13" spans="1:12" ht="15.2" customHeight="1">
      <c r="A13" s="2" t="s">
        <v>13</v>
      </c>
      <c r="B13" s="2" t="s">
        <v>87</v>
      </c>
      <c r="C13" s="2" t="s">
        <v>88</v>
      </c>
      <c r="D13" s="2" t="s">
        <v>89</v>
      </c>
      <c r="E13" s="2" t="s">
        <v>90</v>
      </c>
      <c r="F13" s="2" t="s">
        <v>91</v>
      </c>
      <c r="G13" s="3">
        <v>3</v>
      </c>
      <c r="H13" s="2" t="s">
        <v>76</v>
      </c>
      <c r="I13" s="3">
        <v>2014</v>
      </c>
      <c r="J13" s="2" t="s">
        <v>55</v>
      </c>
      <c r="K13" s="2" t="s">
        <v>92</v>
      </c>
      <c r="L13" s="2" t="s">
        <v>93</v>
      </c>
    </row>
    <row r="14" spans="1:12" ht="15.2" customHeight="1">
      <c r="A14" s="2" t="s">
        <v>13</v>
      </c>
      <c r="B14" s="2" t="s">
        <v>94</v>
      </c>
      <c r="C14" s="2" t="s">
        <v>95</v>
      </c>
      <c r="D14" s="2" t="s">
        <v>96</v>
      </c>
      <c r="E14" s="2" t="s">
        <v>90</v>
      </c>
      <c r="F14" s="2" t="s">
        <v>97</v>
      </c>
      <c r="G14" s="3">
        <v>4</v>
      </c>
      <c r="H14" s="2" t="s">
        <v>76</v>
      </c>
      <c r="I14" s="3">
        <v>2014</v>
      </c>
      <c r="J14" s="2" t="s">
        <v>55</v>
      </c>
      <c r="K14" s="2" t="s">
        <v>92</v>
      </c>
      <c r="L14" s="2" t="s">
        <v>98</v>
      </c>
    </row>
    <row r="15" spans="1:12" ht="15.2" customHeight="1">
      <c r="A15" s="2" t="s">
        <v>13</v>
      </c>
      <c r="B15" s="2" t="s">
        <v>99</v>
      </c>
      <c r="C15" s="2"/>
      <c r="D15" s="2" t="s">
        <v>15</v>
      </c>
      <c r="E15" s="2" t="s">
        <v>16</v>
      </c>
      <c r="F15" s="2" t="s">
        <v>17</v>
      </c>
      <c r="G15" s="3">
        <v>1</v>
      </c>
      <c r="H15" s="2" t="s">
        <v>18</v>
      </c>
      <c r="I15" s="3">
        <v>2019</v>
      </c>
      <c r="J15" s="2" t="s">
        <v>19</v>
      </c>
      <c r="K15" s="2" t="s">
        <v>20</v>
      </c>
      <c r="L15" s="2" t="s">
        <v>21</v>
      </c>
    </row>
    <row r="16" spans="1:12" ht="15.2" customHeight="1">
      <c r="A16" s="2" t="s">
        <v>13</v>
      </c>
      <c r="B16" s="2" t="s">
        <v>100</v>
      </c>
      <c r="C16" s="2" t="s">
        <v>101</v>
      </c>
      <c r="D16" s="2" t="s">
        <v>102</v>
      </c>
      <c r="E16" s="2" t="s">
        <v>16</v>
      </c>
      <c r="F16" s="2" t="s">
        <v>103</v>
      </c>
      <c r="G16" s="3">
        <v>1</v>
      </c>
      <c r="H16" s="2" t="s">
        <v>18</v>
      </c>
      <c r="I16" s="3">
        <v>2017</v>
      </c>
      <c r="J16" s="2" t="s">
        <v>19</v>
      </c>
      <c r="K16" s="2" t="s">
        <v>20</v>
      </c>
      <c r="L16" s="2" t="s">
        <v>104</v>
      </c>
    </row>
    <row r="17" spans="1:12" ht="15.2" customHeight="1">
      <c r="A17" s="2" t="s">
        <v>13</v>
      </c>
      <c r="B17" s="2" t="s">
        <v>105</v>
      </c>
      <c r="C17" s="2" t="s">
        <v>106</v>
      </c>
      <c r="D17" s="2" t="s">
        <v>107</v>
      </c>
      <c r="E17" s="2" t="s">
        <v>108</v>
      </c>
      <c r="F17" s="2" t="s">
        <v>109</v>
      </c>
      <c r="G17" s="3">
        <v>2</v>
      </c>
      <c r="H17" s="2" t="s">
        <v>18</v>
      </c>
      <c r="I17" s="3">
        <v>2019</v>
      </c>
      <c r="J17" s="2" t="s">
        <v>19</v>
      </c>
      <c r="K17" s="2" t="s">
        <v>110</v>
      </c>
      <c r="L17" s="2" t="s">
        <v>111</v>
      </c>
    </row>
    <row r="18" spans="1:12" ht="15.2" customHeight="1">
      <c r="A18" s="2" t="s">
        <v>13</v>
      </c>
      <c r="B18" s="2" t="s">
        <v>112</v>
      </c>
      <c r="C18" s="2" t="s">
        <v>113</v>
      </c>
      <c r="D18" s="2" t="s">
        <v>114</v>
      </c>
      <c r="E18" s="2" t="s">
        <v>115</v>
      </c>
      <c r="F18" s="2" t="s">
        <v>116</v>
      </c>
      <c r="G18" s="3">
        <v>1</v>
      </c>
      <c r="H18" s="2" t="s">
        <v>18</v>
      </c>
      <c r="I18" s="3">
        <v>2019</v>
      </c>
      <c r="J18" s="2" t="s">
        <v>19</v>
      </c>
      <c r="K18" s="2" t="s">
        <v>117</v>
      </c>
      <c r="L18" s="2" t="s">
        <v>118</v>
      </c>
    </row>
    <row r="19" spans="1:12" ht="15.2" customHeight="1">
      <c r="A19" s="2" t="s">
        <v>13</v>
      </c>
      <c r="B19" s="2" t="s">
        <v>119</v>
      </c>
      <c r="C19" s="2" t="s">
        <v>120</v>
      </c>
      <c r="D19" s="2" t="s">
        <v>121</v>
      </c>
      <c r="E19" s="2" t="s">
        <v>115</v>
      </c>
      <c r="F19" s="2" t="s">
        <v>122</v>
      </c>
      <c r="G19" s="3">
        <v>2</v>
      </c>
      <c r="H19" s="2" t="s">
        <v>18</v>
      </c>
      <c r="I19" s="3">
        <v>2019</v>
      </c>
      <c r="J19" s="2" t="s">
        <v>19</v>
      </c>
      <c r="K19" s="2" t="s">
        <v>117</v>
      </c>
      <c r="L19" s="2" t="s">
        <v>123</v>
      </c>
    </row>
    <row r="20" spans="1:12" ht="15.2" customHeight="1">
      <c r="A20" s="2" t="s">
        <v>13</v>
      </c>
      <c r="B20" s="2" t="s">
        <v>124</v>
      </c>
      <c r="C20" s="2" t="s">
        <v>30</v>
      </c>
      <c r="D20" s="2" t="s">
        <v>31</v>
      </c>
      <c r="E20" s="2" t="s">
        <v>32</v>
      </c>
      <c r="F20" s="2" t="s">
        <v>33</v>
      </c>
      <c r="G20" s="3">
        <v>5</v>
      </c>
      <c r="H20" s="2" t="s">
        <v>18</v>
      </c>
      <c r="I20" s="3">
        <v>2018</v>
      </c>
      <c r="J20" s="2" t="s">
        <v>19</v>
      </c>
      <c r="K20" s="2" t="s">
        <v>34</v>
      </c>
      <c r="L20" s="2" t="s">
        <v>35</v>
      </c>
    </row>
    <row r="21" spans="1:12" ht="15.2" customHeight="1">
      <c r="A21" s="2" t="s">
        <v>13</v>
      </c>
      <c r="B21" s="2" t="s">
        <v>125</v>
      </c>
      <c r="C21" s="2" t="s">
        <v>37</v>
      </c>
      <c r="D21" s="2" t="s">
        <v>38</v>
      </c>
      <c r="E21" s="2" t="s">
        <v>32</v>
      </c>
      <c r="F21" s="2" t="s">
        <v>39</v>
      </c>
      <c r="G21" s="3">
        <v>6</v>
      </c>
      <c r="H21" s="2" t="s">
        <v>18</v>
      </c>
      <c r="I21" s="3">
        <v>2018</v>
      </c>
      <c r="J21" s="2" t="s">
        <v>19</v>
      </c>
      <c r="K21" s="2" t="s">
        <v>34</v>
      </c>
      <c r="L21" s="2" t="s">
        <v>40</v>
      </c>
    </row>
    <row r="22" spans="1:12" ht="15.2" customHeight="1">
      <c r="A22" s="2" t="s">
        <v>13</v>
      </c>
      <c r="B22" s="2" t="s">
        <v>126</v>
      </c>
      <c r="C22" s="2" t="s">
        <v>113</v>
      </c>
      <c r="D22" s="2" t="s">
        <v>114</v>
      </c>
      <c r="E22" s="2" t="s">
        <v>115</v>
      </c>
      <c r="F22" s="2" t="s">
        <v>116</v>
      </c>
      <c r="G22" s="3">
        <v>1</v>
      </c>
      <c r="H22" s="2" t="s">
        <v>18</v>
      </c>
      <c r="I22" s="3">
        <v>2019</v>
      </c>
      <c r="J22" s="2" t="s">
        <v>19</v>
      </c>
      <c r="K22" s="2" t="s">
        <v>117</v>
      </c>
      <c r="L22" s="2" t="s">
        <v>118</v>
      </c>
    </row>
    <row r="23" spans="1:12" ht="15.2" customHeight="1">
      <c r="A23" s="2" t="s">
        <v>13</v>
      </c>
      <c r="B23" s="2" t="s">
        <v>127</v>
      </c>
      <c r="C23" s="2" t="s">
        <v>120</v>
      </c>
      <c r="D23" s="2" t="s">
        <v>121</v>
      </c>
      <c r="E23" s="2" t="s">
        <v>115</v>
      </c>
      <c r="F23" s="2" t="s">
        <v>122</v>
      </c>
      <c r="G23" s="3">
        <v>2</v>
      </c>
      <c r="H23" s="2" t="s">
        <v>18</v>
      </c>
      <c r="I23" s="3">
        <v>2019</v>
      </c>
      <c r="J23" s="2" t="s">
        <v>19</v>
      </c>
      <c r="K23" s="2" t="s">
        <v>117</v>
      </c>
      <c r="L23" s="2" t="s">
        <v>123</v>
      </c>
    </row>
    <row r="24" spans="1:12" ht="15.2" customHeight="1">
      <c r="A24" s="2" t="s">
        <v>13</v>
      </c>
      <c r="B24" s="2" t="s">
        <v>128</v>
      </c>
      <c r="C24" s="2"/>
      <c r="D24" s="2" t="s">
        <v>129</v>
      </c>
      <c r="E24" s="2" t="s">
        <v>130</v>
      </c>
      <c r="F24" s="2" t="s">
        <v>131</v>
      </c>
      <c r="G24" s="3">
        <v>1</v>
      </c>
      <c r="H24" s="2" t="s">
        <v>132</v>
      </c>
      <c r="I24" s="3">
        <v>2020</v>
      </c>
      <c r="J24" s="2" t="s">
        <v>19</v>
      </c>
      <c r="K24" s="2" t="s">
        <v>133</v>
      </c>
      <c r="L24" s="2" t="s">
        <v>134</v>
      </c>
    </row>
    <row r="25" spans="1:12" ht="15.2" customHeight="1">
      <c r="A25" s="2" t="s">
        <v>13</v>
      </c>
      <c r="B25" s="2" t="s">
        <v>135</v>
      </c>
      <c r="C25" s="2" t="s">
        <v>136</v>
      </c>
      <c r="D25" s="2" t="s">
        <v>137</v>
      </c>
      <c r="E25" s="2" t="s">
        <v>138</v>
      </c>
      <c r="F25" s="2" t="s">
        <v>139</v>
      </c>
      <c r="G25" s="3">
        <v>5</v>
      </c>
      <c r="H25" s="2" t="s">
        <v>18</v>
      </c>
      <c r="I25" s="3">
        <v>2017</v>
      </c>
      <c r="J25" s="2" t="s">
        <v>19</v>
      </c>
      <c r="K25" s="2" t="s">
        <v>140</v>
      </c>
      <c r="L25" s="2" t="s">
        <v>141</v>
      </c>
    </row>
    <row r="26" spans="1:12" ht="15.2" customHeight="1">
      <c r="A26" s="2" t="s">
        <v>13</v>
      </c>
      <c r="B26" s="2" t="s">
        <v>142</v>
      </c>
      <c r="C26" s="2" t="s">
        <v>143</v>
      </c>
      <c r="D26" s="2" t="s">
        <v>144</v>
      </c>
      <c r="E26" s="2" t="s">
        <v>145</v>
      </c>
      <c r="F26" s="2" t="s">
        <v>144</v>
      </c>
      <c r="G26" s="3">
        <v>8</v>
      </c>
      <c r="H26" s="2" t="s">
        <v>146</v>
      </c>
      <c r="I26" s="3">
        <v>2017</v>
      </c>
      <c r="J26" s="2" t="s">
        <v>19</v>
      </c>
      <c r="K26" s="2" t="s">
        <v>147</v>
      </c>
      <c r="L26" s="2" t="s">
        <v>148</v>
      </c>
    </row>
    <row r="27" spans="1:12" ht="15.2" customHeight="1">
      <c r="A27" s="2" t="s">
        <v>13</v>
      </c>
      <c r="B27" s="2" t="s">
        <v>149</v>
      </c>
      <c r="C27" s="2" t="s">
        <v>64</v>
      </c>
      <c r="D27" s="2" t="s">
        <v>65</v>
      </c>
      <c r="E27" s="2" t="s">
        <v>66</v>
      </c>
      <c r="F27" s="2" t="s">
        <v>67</v>
      </c>
      <c r="G27" s="3">
        <v>2</v>
      </c>
      <c r="H27" s="2" t="s">
        <v>46</v>
      </c>
      <c r="I27" s="3">
        <v>2016</v>
      </c>
      <c r="J27" s="2" t="s">
        <v>19</v>
      </c>
      <c r="K27" s="2" t="s">
        <v>69</v>
      </c>
      <c r="L27" s="2" t="s">
        <v>70</v>
      </c>
    </row>
    <row r="28" spans="1:12" ht="15.2" customHeight="1">
      <c r="A28" s="2" t="s">
        <v>150</v>
      </c>
      <c r="B28" s="2" t="s">
        <v>14</v>
      </c>
      <c r="C28" s="2" t="s">
        <v>101</v>
      </c>
      <c r="D28" s="2" t="s">
        <v>102</v>
      </c>
      <c r="E28" s="2" t="s">
        <v>16</v>
      </c>
      <c r="F28" s="2" t="s">
        <v>103</v>
      </c>
      <c r="G28" s="3">
        <v>1</v>
      </c>
      <c r="H28" s="2" t="s">
        <v>18</v>
      </c>
      <c r="I28" s="3">
        <v>2017</v>
      </c>
      <c r="J28" s="2" t="s">
        <v>19</v>
      </c>
      <c r="K28" s="2" t="s">
        <v>20</v>
      </c>
      <c r="L28" s="2" t="s">
        <v>104</v>
      </c>
    </row>
    <row r="29" spans="1:12" ht="15.2" customHeight="1">
      <c r="A29" s="2" t="s">
        <v>150</v>
      </c>
      <c r="B29" s="2" t="s">
        <v>22</v>
      </c>
      <c r="C29" s="2" t="s">
        <v>59</v>
      </c>
      <c r="D29" s="2" t="s">
        <v>60</v>
      </c>
      <c r="E29" s="2" t="s">
        <v>25</v>
      </c>
      <c r="F29" s="2" t="s">
        <v>61</v>
      </c>
      <c r="G29" s="3">
        <v>2</v>
      </c>
      <c r="H29" s="2" t="s">
        <v>18</v>
      </c>
      <c r="I29" s="3">
        <v>2017</v>
      </c>
      <c r="J29" s="2" t="s">
        <v>19</v>
      </c>
      <c r="K29" s="2" t="s">
        <v>27</v>
      </c>
      <c r="L29" s="2" t="s">
        <v>62</v>
      </c>
    </row>
    <row r="30" spans="1:12" ht="15.2" customHeight="1">
      <c r="A30" s="2" t="s">
        <v>150</v>
      </c>
      <c r="B30" s="2" t="s">
        <v>29</v>
      </c>
      <c r="C30" s="2" t="s">
        <v>151</v>
      </c>
      <c r="D30" s="2" t="s">
        <v>152</v>
      </c>
      <c r="E30" s="2" t="s">
        <v>153</v>
      </c>
      <c r="F30" s="2" t="s">
        <v>154</v>
      </c>
      <c r="G30" s="3">
        <v>37</v>
      </c>
      <c r="H30" s="2" t="s">
        <v>18</v>
      </c>
      <c r="I30" s="3">
        <v>2010</v>
      </c>
      <c r="J30" s="2" t="s">
        <v>19</v>
      </c>
      <c r="K30" s="2" t="s">
        <v>155</v>
      </c>
      <c r="L30" s="2" t="s">
        <v>156</v>
      </c>
    </row>
    <row r="31" spans="1:12" ht="15.2" customHeight="1">
      <c r="A31" s="2" t="s">
        <v>150</v>
      </c>
      <c r="B31" s="2" t="s">
        <v>36</v>
      </c>
      <c r="C31" s="2"/>
      <c r="D31" s="2" t="s">
        <v>157</v>
      </c>
      <c r="E31" s="2" t="s">
        <v>158</v>
      </c>
      <c r="F31" s="2" t="s">
        <v>159</v>
      </c>
      <c r="G31" s="3">
        <v>6</v>
      </c>
      <c r="H31" s="2" t="s">
        <v>18</v>
      </c>
      <c r="I31" s="3">
        <v>2018</v>
      </c>
      <c r="J31" s="2" t="s">
        <v>19</v>
      </c>
      <c r="K31" s="2" t="s">
        <v>160</v>
      </c>
      <c r="L31" s="2" t="s">
        <v>161</v>
      </c>
    </row>
    <row r="32" spans="1:12" ht="15.2" customHeight="1">
      <c r="A32" s="2" t="s">
        <v>150</v>
      </c>
      <c r="B32" s="2" t="s">
        <v>41</v>
      </c>
      <c r="C32" s="2"/>
      <c r="D32" s="2" t="s">
        <v>15</v>
      </c>
      <c r="E32" s="2" t="s">
        <v>16</v>
      </c>
      <c r="F32" s="2" t="s">
        <v>17</v>
      </c>
      <c r="G32" s="3">
        <v>1</v>
      </c>
      <c r="H32" s="2" t="s">
        <v>18</v>
      </c>
      <c r="I32" s="3">
        <v>2019</v>
      </c>
      <c r="J32" s="2" t="s">
        <v>19</v>
      </c>
      <c r="K32" s="2" t="s">
        <v>20</v>
      </c>
      <c r="L32" s="2" t="s">
        <v>21</v>
      </c>
    </row>
    <row r="33" spans="1:12" ht="15.2" customHeight="1">
      <c r="A33" s="2" t="s">
        <v>150</v>
      </c>
      <c r="B33" s="2" t="s">
        <v>162</v>
      </c>
      <c r="C33" s="2" t="s">
        <v>101</v>
      </c>
      <c r="D33" s="2" t="s">
        <v>102</v>
      </c>
      <c r="E33" s="2" t="s">
        <v>16</v>
      </c>
      <c r="F33" s="2" t="s">
        <v>103</v>
      </c>
      <c r="G33" s="3">
        <v>1</v>
      </c>
      <c r="H33" s="2" t="s">
        <v>18</v>
      </c>
      <c r="I33" s="3">
        <v>2017</v>
      </c>
      <c r="J33" s="2" t="s">
        <v>19</v>
      </c>
      <c r="K33" s="2" t="s">
        <v>20</v>
      </c>
      <c r="L33" s="2" t="s">
        <v>104</v>
      </c>
    </row>
    <row r="34" spans="1:12" ht="15.2" customHeight="1">
      <c r="A34" s="2" t="s">
        <v>150</v>
      </c>
      <c r="B34" s="2" t="s">
        <v>163</v>
      </c>
      <c r="C34" s="2" t="s">
        <v>164</v>
      </c>
      <c r="D34" s="2" t="s">
        <v>165</v>
      </c>
      <c r="E34" s="2" t="s">
        <v>108</v>
      </c>
      <c r="F34" s="2" t="s">
        <v>166</v>
      </c>
      <c r="G34" s="3">
        <v>1</v>
      </c>
      <c r="H34" s="2" t="s">
        <v>18</v>
      </c>
      <c r="I34" s="3">
        <v>2019</v>
      </c>
      <c r="J34" s="2" t="s">
        <v>19</v>
      </c>
      <c r="K34" s="2" t="s">
        <v>110</v>
      </c>
      <c r="L34" s="2" t="s">
        <v>167</v>
      </c>
    </row>
    <row r="35" spans="1:12" ht="15.2" customHeight="1">
      <c r="A35" s="2" t="s">
        <v>150</v>
      </c>
      <c r="B35" s="2" t="s">
        <v>63</v>
      </c>
      <c r="C35" s="2" t="s">
        <v>80</v>
      </c>
      <c r="D35" s="2" t="s">
        <v>81</v>
      </c>
      <c r="E35" s="2" t="s">
        <v>82</v>
      </c>
      <c r="F35" s="2" t="s">
        <v>83</v>
      </c>
      <c r="G35" s="3">
        <v>6</v>
      </c>
      <c r="H35" s="2" t="s">
        <v>18</v>
      </c>
      <c r="I35" s="3">
        <v>2016</v>
      </c>
      <c r="J35" s="2" t="s">
        <v>84</v>
      </c>
      <c r="K35" s="2" t="s">
        <v>85</v>
      </c>
      <c r="L35" s="2" t="s">
        <v>86</v>
      </c>
    </row>
    <row r="36" spans="1:12" ht="15.2" customHeight="1">
      <c r="A36" s="2" t="s">
        <v>150</v>
      </c>
      <c r="B36" s="2" t="s">
        <v>168</v>
      </c>
      <c r="C36" s="2" t="s">
        <v>88</v>
      </c>
      <c r="D36" s="2" t="s">
        <v>89</v>
      </c>
      <c r="E36" s="2" t="s">
        <v>90</v>
      </c>
      <c r="F36" s="2" t="s">
        <v>91</v>
      </c>
      <c r="G36" s="3">
        <v>3</v>
      </c>
      <c r="H36" s="2" t="s">
        <v>76</v>
      </c>
      <c r="I36" s="3">
        <v>2014</v>
      </c>
      <c r="J36" s="2" t="s">
        <v>55</v>
      </c>
      <c r="K36" s="2" t="s">
        <v>92</v>
      </c>
      <c r="L36" s="2" t="s">
        <v>93</v>
      </c>
    </row>
    <row r="37" spans="1:12" ht="15.2" customHeight="1">
      <c r="A37" s="2" t="s">
        <v>150</v>
      </c>
      <c r="B37" s="2" t="s">
        <v>169</v>
      </c>
      <c r="C37" s="2" t="s">
        <v>95</v>
      </c>
      <c r="D37" s="2" t="s">
        <v>96</v>
      </c>
      <c r="E37" s="2" t="s">
        <v>90</v>
      </c>
      <c r="F37" s="2" t="s">
        <v>97</v>
      </c>
      <c r="G37" s="3">
        <v>4</v>
      </c>
      <c r="H37" s="2" t="s">
        <v>76</v>
      </c>
      <c r="I37" s="3">
        <v>2014</v>
      </c>
      <c r="J37" s="2" t="s">
        <v>55</v>
      </c>
      <c r="K37" s="2" t="s">
        <v>92</v>
      </c>
      <c r="L37" s="2" t="s">
        <v>98</v>
      </c>
    </row>
    <row r="38" spans="1:12" ht="15.2" customHeight="1">
      <c r="A38" s="2" t="s">
        <v>150</v>
      </c>
      <c r="B38" s="2" t="s">
        <v>79</v>
      </c>
      <c r="C38" s="2" t="s">
        <v>170</v>
      </c>
      <c r="D38" s="2" t="s">
        <v>171</v>
      </c>
      <c r="E38" s="2" t="s">
        <v>172</v>
      </c>
      <c r="F38" s="2" t="s">
        <v>173</v>
      </c>
      <c r="G38" s="3">
        <v>2</v>
      </c>
      <c r="H38" s="2" t="s">
        <v>18</v>
      </c>
      <c r="I38" s="3">
        <v>2018</v>
      </c>
      <c r="J38" s="2" t="s">
        <v>19</v>
      </c>
      <c r="K38" s="2" t="s">
        <v>174</v>
      </c>
      <c r="L38" s="2" t="s">
        <v>175</v>
      </c>
    </row>
    <row r="39" spans="1:12" ht="15.2" customHeight="1">
      <c r="A39" s="2" t="s">
        <v>150</v>
      </c>
      <c r="B39" s="2" t="s">
        <v>176</v>
      </c>
      <c r="C39" s="2"/>
      <c r="D39" s="2" t="s">
        <v>129</v>
      </c>
      <c r="E39" s="2" t="s">
        <v>130</v>
      </c>
      <c r="F39" s="2" t="s">
        <v>131</v>
      </c>
      <c r="G39" s="3">
        <v>1</v>
      </c>
      <c r="H39" s="2" t="s">
        <v>132</v>
      </c>
      <c r="I39" s="3">
        <v>2020</v>
      </c>
      <c r="J39" s="2" t="s">
        <v>19</v>
      </c>
      <c r="K39" s="2" t="s">
        <v>133</v>
      </c>
      <c r="L39" s="2" t="s">
        <v>134</v>
      </c>
    </row>
    <row r="40" spans="1:12" ht="15.2" customHeight="1">
      <c r="A40" s="2" t="s">
        <v>150</v>
      </c>
      <c r="B40" s="2" t="s">
        <v>177</v>
      </c>
      <c r="C40" s="2" t="s">
        <v>136</v>
      </c>
      <c r="D40" s="2" t="s">
        <v>137</v>
      </c>
      <c r="E40" s="2" t="s">
        <v>138</v>
      </c>
      <c r="F40" s="2" t="s">
        <v>139</v>
      </c>
      <c r="G40" s="3">
        <v>5</v>
      </c>
      <c r="H40" s="2" t="s">
        <v>18</v>
      </c>
      <c r="I40" s="3">
        <v>2017</v>
      </c>
      <c r="J40" s="2" t="s">
        <v>19</v>
      </c>
      <c r="K40" s="2" t="s">
        <v>140</v>
      </c>
      <c r="L40" s="2" t="s">
        <v>141</v>
      </c>
    </row>
    <row r="41" spans="1:12" ht="15.2" customHeight="1">
      <c r="A41" s="2" t="s">
        <v>150</v>
      </c>
      <c r="B41" s="2" t="s">
        <v>100</v>
      </c>
      <c r="C41" s="2" t="s">
        <v>178</v>
      </c>
      <c r="D41" s="2" t="s">
        <v>179</v>
      </c>
      <c r="E41" s="2" t="s">
        <v>32</v>
      </c>
      <c r="F41" s="2" t="s">
        <v>180</v>
      </c>
      <c r="G41" s="3">
        <v>4</v>
      </c>
      <c r="H41" s="2" t="s">
        <v>18</v>
      </c>
      <c r="I41" s="3">
        <v>2018</v>
      </c>
      <c r="J41" s="2" t="s">
        <v>19</v>
      </c>
      <c r="K41" s="2" t="s">
        <v>34</v>
      </c>
      <c r="L41" s="2" t="s">
        <v>181</v>
      </c>
    </row>
    <row r="42" spans="1:12" ht="15.2" customHeight="1">
      <c r="A42" s="2" t="s">
        <v>150</v>
      </c>
      <c r="B42" s="2" t="s">
        <v>105</v>
      </c>
      <c r="C42" s="2" t="s">
        <v>30</v>
      </c>
      <c r="D42" s="2" t="s">
        <v>31</v>
      </c>
      <c r="E42" s="2" t="s">
        <v>32</v>
      </c>
      <c r="F42" s="2" t="s">
        <v>33</v>
      </c>
      <c r="G42" s="3">
        <v>5</v>
      </c>
      <c r="H42" s="2" t="s">
        <v>18</v>
      </c>
      <c r="I42" s="3">
        <v>2018</v>
      </c>
      <c r="J42" s="2" t="s">
        <v>19</v>
      </c>
      <c r="K42" s="2" t="s">
        <v>34</v>
      </c>
      <c r="L42" s="2" t="s">
        <v>35</v>
      </c>
    </row>
    <row r="43" spans="1:12" s="10" customFormat="1" ht="15.2" customHeight="1">
      <c r="A43" s="9" t="s">
        <v>150</v>
      </c>
      <c r="B43" s="9" t="s">
        <v>112</v>
      </c>
      <c r="C43" s="9"/>
      <c r="D43" s="9" t="s">
        <v>182</v>
      </c>
      <c r="E43" s="9" t="s">
        <v>182</v>
      </c>
      <c r="F43" s="9" t="s">
        <v>182</v>
      </c>
      <c r="G43" s="9">
        <v>1</v>
      </c>
      <c r="H43" s="9" t="s">
        <v>132</v>
      </c>
      <c r="I43" s="9">
        <v>2019</v>
      </c>
      <c r="J43" s="9" t="s">
        <v>19</v>
      </c>
      <c r="K43" s="9" t="s">
        <v>183</v>
      </c>
      <c r="L43" s="9" t="s">
        <v>184</v>
      </c>
    </row>
    <row r="44" spans="1:12" ht="15.2" customHeight="1">
      <c r="A44" s="2" t="s">
        <v>150</v>
      </c>
      <c r="B44" s="2" t="s">
        <v>185</v>
      </c>
      <c r="C44" s="2" t="s">
        <v>186</v>
      </c>
      <c r="D44" s="2" t="s">
        <v>187</v>
      </c>
      <c r="E44" s="2" t="s">
        <v>158</v>
      </c>
      <c r="F44" s="2" t="s">
        <v>188</v>
      </c>
      <c r="G44" s="3">
        <v>7</v>
      </c>
      <c r="H44" s="2" t="s">
        <v>18</v>
      </c>
      <c r="I44" s="3">
        <v>2018</v>
      </c>
      <c r="J44" s="2" t="s">
        <v>19</v>
      </c>
      <c r="K44" s="2" t="s">
        <v>160</v>
      </c>
      <c r="L44" s="2" t="s">
        <v>189</v>
      </c>
    </row>
    <row r="45" spans="1:12" ht="15.2" customHeight="1">
      <c r="A45" s="2" t="s">
        <v>150</v>
      </c>
      <c r="B45" s="2" t="s">
        <v>190</v>
      </c>
      <c r="C45" s="2" t="s">
        <v>113</v>
      </c>
      <c r="D45" s="2" t="s">
        <v>114</v>
      </c>
      <c r="E45" s="2" t="s">
        <v>115</v>
      </c>
      <c r="F45" s="2" t="s">
        <v>116</v>
      </c>
      <c r="G45" s="3">
        <v>1</v>
      </c>
      <c r="H45" s="2" t="s">
        <v>18</v>
      </c>
      <c r="I45" s="3">
        <v>2019</v>
      </c>
      <c r="J45" s="2" t="s">
        <v>19</v>
      </c>
      <c r="K45" s="2" t="s">
        <v>117</v>
      </c>
      <c r="L45" s="2" t="s">
        <v>118</v>
      </c>
    </row>
    <row r="46" spans="1:12" ht="15.2" customHeight="1">
      <c r="A46" s="2" t="s">
        <v>150</v>
      </c>
      <c r="B46" s="2" t="s">
        <v>191</v>
      </c>
      <c r="C46" s="2" t="s">
        <v>120</v>
      </c>
      <c r="D46" s="2" t="s">
        <v>121</v>
      </c>
      <c r="E46" s="2" t="s">
        <v>115</v>
      </c>
      <c r="F46" s="2" t="s">
        <v>122</v>
      </c>
      <c r="G46" s="3">
        <v>2</v>
      </c>
      <c r="H46" s="2" t="s">
        <v>18</v>
      </c>
      <c r="I46" s="3">
        <v>2019</v>
      </c>
      <c r="J46" s="2" t="s">
        <v>19</v>
      </c>
      <c r="K46" s="2" t="s">
        <v>117</v>
      </c>
      <c r="L46" s="2" t="s">
        <v>123</v>
      </c>
    </row>
    <row r="47" spans="1:12" ht="15.2" customHeight="1">
      <c r="A47" s="2" t="s">
        <v>150</v>
      </c>
      <c r="B47" s="2" t="s">
        <v>126</v>
      </c>
      <c r="C47" s="2"/>
      <c r="D47" s="2" t="s">
        <v>182</v>
      </c>
      <c r="E47" s="2" t="s">
        <v>182</v>
      </c>
      <c r="F47" s="2" t="s">
        <v>182</v>
      </c>
      <c r="G47" s="3">
        <v>1</v>
      </c>
      <c r="H47" s="2" t="s">
        <v>132</v>
      </c>
      <c r="I47" s="3">
        <v>2019</v>
      </c>
      <c r="J47" s="2" t="s">
        <v>19</v>
      </c>
      <c r="K47" s="2" t="s">
        <v>183</v>
      </c>
      <c r="L47" s="2" t="s">
        <v>184</v>
      </c>
    </row>
    <row r="48" spans="1:12" ht="15.2" customHeight="1">
      <c r="A48" s="2" t="s">
        <v>150</v>
      </c>
      <c r="B48" s="2" t="s">
        <v>127</v>
      </c>
      <c r="C48" s="2" t="s">
        <v>186</v>
      </c>
      <c r="D48" s="2" t="s">
        <v>187</v>
      </c>
      <c r="E48" s="2" t="s">
        <v>158</v>
      </c>
      <c r="F48" s="2" t="s">
        <v>188</v>
      </c>
      <c r="G48" s="3">
        <v>7</v>
      </c>
      <c r="H48" s="2" t="s">
        <v>18</v>
      </c>
      <c r="I48" s="3">
        <v>2018</v>
      </c>
      <c r="J48" s="2" t="s">
        <v>19</v>
      </c>
      <c r="K48" s="2" t="s">
        <v>160</v>
      </c>
      <c r="L48" s="2" t="s">
        <v>189</v>
      </c>
    </row>
    <row r="49" spans="1:12" ht="15.2" customHeight="1">
      <c r="A49" s="2" t="s">
        <v>150</v>
      </c>
      <c r="B49" s="2" t="s">
        <v>128</v>
      </c>
      <c r="C49" s="2" t="s">
        <v>30</v>
      </c>
      <c r="D49" s="2" t="s">
        <v>31</v>
      </c>
      <c r="E49" s="2" t="s">
        <v>32</v>
      </c>
      <c r="F49" s="2" t="s">
        <v>33</v>
      </c>
      <c r="G49" s="3">
        <v>5</v>
      </c>
      <c r="H49" s="2" t="s">
        <v>18</v>
      </c>
      <c r="I49" s="3">
        <v>2018</v>
      </c>
      <c r="J49" s="2" t="s">
        <v>19</v>
      </c>
      <c r="K49" s="2" t="s">
        <v>34</v>
      </c>
      <c r="L49" s="2" t="s">
        <v>35</v>
      </c>
    </row>
    <row r="50" spans="1:12" ht="15.2" customHeight="1">
      <c r="A50" s="2" t="s">
        <v>150</v>
      </c>
      <c r="B50" s="2" t="s">
        <v>135</v>
      </c>
      <c r="C50" s="2" t="s">
        <v>37</v>
      </c>
      <c r="D50" s="2" t="s">
        <v>38</v>
      </c>
      <c r="E50" s="2" t="s">
        <v>32</v>
      </c>
      <c r="F50" s="2" t="s">
        <v>39</v>
      </c>
      <c r="G50" s="3">
        <v>6</v>
      </c>
      <c r="H50" s="2" t="s">
        <v>18</v>
      </c>
      <c r="I50" s="3">
        <v>2018</v>
      </c>
      <c r="J50" s="2" t="s">
        <v>19</v>
      </c>
      <c r="K50" s="2" t="s">
        <v>34</v>
      </c>
      <c r="L50" s="2" t="s">
        <v>40</v>
      </c>
    </row>
    <row r="51" spans="1:12" ht="15.2" customHeight="1">
      <c r="A51" s="2" t="s">
        <v>150</v>
      </c>
      <c r="B51" s="2" t="s">
        <v>192</v>
      </c>
      <c r="C51" s="2" t="s">
        <v>80</v>
      </c>
      <c r="D51" s="2" t="s">
        <v>81</v>
      </c>
      <c r="E51" s="2" t="s">
        <v>82</v>
      </c>
      <c r="F51" s="2" t="s">
        <v>83</v>
      </c>
      <c r="G51" s="3">
        <v>6</v>
      </c>
      <c r="H51" s="2" t="s">
        <v>18</v>
      </c>
      <c r="I51" s="3">
        <v>2016</v>
      </c>
      <c r="J51" s="2" t="s">
        <v>84</v>
      </c>
      <c r="K51" s="2" t="s">
        <v>85</v>
      </c>
      <c r="L51" s="2" t="s">
        <v>86</v>
      </c>
    </row>
    <row r="52" spans="1:12" ht="15.2" customHeight="1">
      <c r="A52" s="2" t="s">
        <v>150</v>
      </c>
      <c r="B52" s="2" t="s">
        <v>193</v>
      </c>
      <c r="C52" s="2" t="s">
        <v>88</v>
      </c>
      <c r="D52" s="2" t="s">
        <v>89</v>
      </c>
      <c r="E52" s="2" t="s">
        <v>90</v>
      </c>
      <c r="F52" s="2" t="s">
        <v>91</v>
      </c>
      <c r="G52" s="3">
        <v>3</v>
      </c>
      <c r="H52" s="2" t="s">
        <v>76</v>
      </c>
      <c r="I52" s="3">
        <v>2014</v>
      </c>
      <c r="J52" s="2" t="s">
        <v>55</v>
      </c>
      <c r="K52" s="2" t="s">
        <v>92</v>
      </c>
      <c r="L52" s="2" t="s">
        <v>93</v>
      </c>
    </row>
    <row r="53" spans="1:12" ht="15.2" customHeight="1">
      <c r="A53" s="2" t="s">
        <v>150</v>
      </c>
      <c r="B53" s="2" t="s">
        <v>194</v>
      </c>
      <c r="C53" s="2" t="s">
        <v>95</v>
      </c>
      <c r="D53" s="2" t="s">
        <v>96</v>
      </c>
      <c r="E53" s="2" t="s">
        <v>90</v>
      </c>
      <c r="F53" s="2" t="s">
        <v>97</v>
      </c>
      <c r="G53" s="3">
        <v>4</v>
      </c>
      <c r="H53" s="2" t="s">
        <v>76</v>
      </c>
      <c r="I53" s="3">
        <v>2014</v>
      </c>
      <c r="J53" s="2" t="s">
        <v>55</v>
      </c>
      <c r="K53" s="2" t="s">
        <v>92</v>
      </c>
      <c r="L53" s="2" t="s">
        <v>98</v>
      </c>
    </row>
    <row r="54" spans="1:12" ht="15.2" customHeight="1">
      <c r="A54" s="2" t="s">
        <v>195</v>
      </c>
      <c r="B54" s="2" t="s">
        <v>14</v>
      </c>
      <c r="C54" s="2" t="s">
        <v>196</v>
      </c>
      <c r="D54" s="2" t="s">
        <v>197</v>
      </c>
      <c r="E54" s="2" t="s">
        <v>198</v>
      </c>
      <c r="F54" s="2" t="s">
        <v>199</v>
      </c>
      <c r="G54" s="3">
        <v>1</v>
      </c>
      <c r="H54" s="2" t="s">
        <v>132</v>
      </c>
      <c r="I54" s="3">
        <v>2019</v>
      </c>
      <c r="J54" s="2" t="s">
        <v>19</v>
      </c>
      <c r="K54" s="2" t="s">
        <v>200</v>
      </c>
      <c r="L54" s="2" t="s">
        <v>201</v>
      </c>
    </row>
    <row r="55" spans="1:12" ht="15.2" customHeight="1">
      <c r="A55" s="2" t="s">
        <v>195</v>
      </c>
      <c r="B55" s="2" t="s">
        <v>22</v>
      </c>
      <c r="C55" s="2" t="s">
        <v>202</v>
      </c>
      <c r="D55" s="2" t="s">
        <v>203</v>
      </c>
      <c r="E55" s="2" t="s">
        <v>204</v>
      </c>
      <c r="F55" s="2" t="s">
        <v>205</v>
      </c>
      <c r="G55" s="3">
        <v>4</v>
      </c>
      <c r="H55" s="2" t="s">
        <v>146</v>
      </c>
      <c r="I55" s="3">
        <v>2019</v>
      </c>
      <c r="J55" s="2" t="s">
        <v>55</v>
      </c>
      <c r="K55" s="2" t="s">
        <v>206</v>
      </c>
      <c r="L55" s="2" t="s">
        <v>207</v>
      </c>
    </row>
    <row r="56" spans="1:12" ht="15.2" customHeight="1">
      <c r="A56" s="2" t="s">
        <v>195</v>
      </c>
      <c r="B56" s="2" t="s">
        <v>29</v>
      </c>
      <c r="C56" s="2" t="s">
        <v>208</v>
      </c>
      <c r="D56" s="2" t="s">
        <v>209</v>
      </c>
      <c r="E56" s="2" t="s">
        <v>210</v>
      </c>
      <c r="F56" s="2" t="s">
        <v>211</v>
      </c>
      <c r="G56" s="3">
        <v>11</v>
      </c>
      <c r="H56" s="2" t="s">
        <v>212</v>
      </c>
      <c r="I56" s="3">
        <v>2017</v>
      </c>
      <c r="J56" s="2" t="s">
        <v>19</v>
      </c>
      <c r="K56" s="2" t="s">
        <v>213</v>
      </c>
      <c r="L56" s="2" t="s">
        <v>214</v>
      </c>
    </row>
    <row r="57" spans="1:12" ht="15.2" customHeight="1">
      <c r="A57" s="2" t="s">
        <v>195</v>
      </c>
      <c r="B57" s="2" t="s">
        <v>215</v>
      </c>
      <c r="C57" s="2" t="s">
        <v>216</v>
      </c>
      <c r="D57" s="2" t="s">
        <v>217</v>
      </c>
      <c r="E57" s="2" t="s">
        <v>66</v>
      </c>
      <c r="F57" s="2" t="s">
        <v>218</v>
      </c>
      <c r="G57" s="3">
        <v>19</v>
      </c>
      <c r="H57" s="2" t="s">
        <v>46</v>
      </c>
      <c r="I57" s="3">
        <v>2015</v>
      </c>
      <c r="J57" s="2" t="s">
        <v>19</v>
      </c>
      <c r="K57" s="2" t="s">
        <v>219</v>
      </c>
      <c r="L57" s="2" t="s">
        <v>220</v>
      </c>
    </row>
    <row r="58" spans="1:12" ht="15.2" customHeight="1">
      <c r="A58" s="2" t="s">
        <v>195</v>
      </c>
      <c r="B58" s="2" t="s">
        <v>41</v>
      </c>
      <c r="C58" s="2" t="s">
        <v>221</v>
      </c>
      <c r="D58" s="2" t="s">
        <v>222</v>
      </c>
      <c r="E58" s="2" t="s">
        <v>32</v>
      </c>
      <c r="F58" s="2" t="s">
        <v>223</v>
      </c>
      <c r="G58" s="3">
        <v>2</v>
      </c>
      <c r="H58" s="2" t="s">
        <v>132</v>
      </c>
      <c r="I58" s="3">
        <v>2019</v>
      </c>
      <c r="J58" s="2" t="s">
        <v>19</v>
      </c>
      <c r="K58" s="2" t="s">
        <v>34</v>
      </c>
      <c r="L58" s="2" t="s">
        <v>224</v>
      </c>
    </row>
    <row r="59" spans="1:12" ht="15.2" customHeight="1">
      <c r="A59" s="2" t="s">
        <v>195</v>
      </c>
      <c r="B59" s="2" t="s">
        <v>162</v>
      </c>
      <c r="C59" s="2" t="s">
        <v>225</v>
      </c>
      <c r="D59" s="2" t="s">
        <v>226</v>
      </c>
      <c r="E59" s="2" t="s">
        <v>32</v>
      </c>
      <c r="F59" s="2" t="s">
        <v>227</v>
      </c>
      <c r="G59" s="3">
        <v>3</v>
      </c>
      <c r="H59" s="2" t="s">
        <v>132</v>
      </c>
      <c r="I59" s="3">
        <v>2018</v>
      </c>
      <c r="J59" s="2" t="s">
        <v>19</v>
      </c>
      <c r="K59" s="2" t="s">
        <v>34</v>
      </c>
      <c r="L59" s="2" t="s">
        <v>228</v>
      </c>
    </row>
    <row r="60" spans="1:12" ht="15.2" customHeight="1">
      <c r="A60" s="2" t="s">
        <v>195</v>
      </c>
      <c r="B60" s="2" t="s">
        <v>163</v>
      </c>
      <c r="C60" s="2" t="s">
        <v>229</v>
      </c>
      <c r="D60" s="2" t="s">
        <v>230</v>
      </c>
      <c r="E60" s="2" t="s">
        <v>115</v>
      </c>
      <c r="F60" s="2" t="s">
        <v>231</v>
      </c>
      <c r="G60" s="3">
        <v>3</v>
      </c>
      <c r="H60" s="2" t="s">
        <v>132</v>
      </c>
      <c r="I60" s="3">
        <v>2019</v>
      </c>
      <c r="J60" s="2" t="s">
        <v>19</v>
      </c>
      <c r="K60" s="2" t="s">
        <v>117</v>
      </c>
      <c r="L60" s="2" t="s">
        <v>232</v>
      </c>
    </row>
    <row r="61" spans="1:12" ht="15.2" customHeight="1">
      <c r="A61" s="2" t="s">
        <v>195</v>
      </c>
      <c r="B61" s="2" t="s">
        <v>63</v>
      </c>
      <c r="C61" s="2" t="s">
        <v>233</v>
      </c>
      <c r="D61" s="2" t="s">
        <v>234</v>
      </c>
      <c r="E61" s="2" t="s">
        <v>115</v>
      </c>
      <c r="F61" s="2" t="s">
        <v>235</v>
      </c>
      <c r="G61" s="3">
        <v>4</v>
      </c>
      <c r="H61" s="2" t="s">
        <v>146</v>
      </c>
      <c r="I61" s="3">
        <v>2019</v>
      </c>
      <c r="J61" s="2" t="s">
        <v>19</v>
      </c>
      <c r="K61" s="2" t="s">
        <v>117</v>
      </c>
      <c r="L61" s="2" t="s">
        <v>236</v>
      </c>
    </row>
    <row r="62" spans="1:12" ht="15.2" customHeight="1">
      <c r="A62" s="2" t="s">
        <v>195</v>
      </c>
      <c r="B62" s="2" t="s">
        <v>237</v>
      </c>
      <c r="C62" s="2" t="s">
        <v>238</v>
      </c>
      <c r="D62" s="2" t="s">
        <v>239</v>
      </c>
      <c r="E62" s="2" t="s">
        <v>240</v>
      </c>
      <c r="F62" s="2" t="s">
        <v>241</v>
      </c>
      <c r="G62" s="3">
        <v>3</v>
      </c>
      <c r="H62" s="2" t="s">
        <v>132</v>
      </c>
      <c r="I62" s="3">
        <v>2018</v>
      </c>
      <c r="J62" s="2" t="s">
        <v>19</v>
      </c>
      <c r="K62" s="2" t="s">
        <v>183</v>
      </c>
      <c r="L62" s="2" t="s">
        <v>242</v>
      </c>
    </row>
    <row r="63" spans="1:12" ht="15.2" customHeight="1">
      <c r="A63" s="2" t="s">
        <v>195</v>
      </c>
      <c r="B63" s="2" t="s">
        <v>243</v>
      </c>
      <c r="C63" s="2" t="s">
        <v>244</v>
      </c>
      <c r="D63" s="2" t="s">
        <v>245</v>
      </c>
      <c r="E63" s="2" t="s">
        <v>240</v>
      </c>
      <c r="F63" s="2" t="s">
        <v>246</v>
      </c>
      <c r="G63" s="3">
        <v>4</v>
      </c>
      <c r="H63" s="2" t="s">
        <v>146</v>
      </c>
      <c r="I63" s="3">
        <v>2018</v>
      </c>
      <c r="J63" s="2" t="s">
        <v>19</v>
      </c>
      <c r="K63" s="2" t="s">
        <v>183</v>
      </c>
      <c r="L63" s="2" t="s">
        <v>247</v>
      </c>
    </row>
    <row r="64" spans="1:12" ht="15.2" customHeight="1">
      <c r="A64" s="2" t="s">
        <v>195</v>
      </c>
      <c r="B64" s="2" t="s">
        <v>248</v>
      </c>
      <c r="C64" s="2" t="s">
        <v>249</v>
      </c>
      <c r="D64" s="2" t="s">
        <v>250</v>
      </c>
      <c r="E64" s="2" t="s">
        <v>251</v>
      </c>
      <c r="F64" s="2" t="s">
        <v>252</v>
      </c>
      <c r="G64" s="3">
        <v>1</v>
      </c>
      <c r="H64" s="2" t="s">
        <v>253</v>
      </c>
      <c r="I64" s="3">
        <v>2014</v>
      </c>
      <c r="J64" s="2" t="s">
        <v>254</v>
      </c>
      <c r="K64" s="2" t="s">
        <v>255</v>
      </c>
      <c r="L64" s="2" t="s">
        <v>256</v>
      </c>
    </row>
    <row r="65" spans="1:12" ht="15.2" customHeight="1">
      <c r="A65" s="2" t="s">
        <v>195</v>
      </c>
      <c r="B65" s="2" t="s">
        <v>99</v>
      </c>
      <c r="C65" s="2" t="s">
        <v>106</v>
      </c>
      <c r="D65" s="2" t="s">
        <v>107</v>
      </c>
      <c r="E65" s="2" t="s">
        <v>108</v>
      </c>
      <c r="F65" s="2" t="s">
        <v>109</v>
      </c>
      <c r="G65" s="3">
        <v>2</v>
      </c>
      <c r="H65" s="2" t="s">
        <v>132</v>
      </c>
      <c r="I65" s="3">
        <v>2019</v>
      </c>
      <c r="J65" s="2" t="s">
        <v>19</v>
      </c>
      <c r="K65" s="2" t="s">
        <v>110</v>
      </c>
      <c r="L65" s="2" t="s">
        <v>111</v>
      </c>
    </row>
    <row r="66" spans="1:12" ht="15.2" customHeight="1">
      <c r="A66" s="2" t="s">
        <v>195</v>
      </c>
      <c r="B66" s="2" t="s">
        <v>257</v>
      </c>
      <c r="C66" s="2" t="s">
        <v>258</v>
      </c>
      <c r="D66" s="2" t="s">
        <v>259</v>
      </c>
      <c r="E66" s="2" t="s">
        <v>172</v>
      </c>
      <c r="F66" s="2" t="s">
        <v>260</v>
      </c>
      <c r="G66" s="3">
        <v>1</v>
      </c>
      <c r="H66" s="2" t="s">
        <v>146</v>
      </c>
      <c r="I66" s="3">
        <v>2018</v>
      </c>
      <c r="J66" s="2" t="s">
        <v>19</v>
      </c>
      <c r="K66" s="2" t="s">
        <v>174</v>
      </c>
      <c r="L66" s="2" t="s">
        <v>261</v>
      </c>
    </row>
    <row r="67" spans="1:12" ht="15.2" customHeight="1">
      <c r="A67" s="2" t="s">
        <v>195</v>
      </c>
      <c r="B67" s="2" t="s">
        <v>262</v>
      </c>
      <c r="C67" s="2" t="s">
        <v>170</v>
      </c>
      <c r="D67" s="2" t="s">
        <v>171</v>
      </c>
      <c r="E67" s="2" t="s">
        <v>172</v>
      </c>
      <c r="F67" s="2" t="s">
        <v>173</v>
      </c>
      <c r="G67" s="3">
        <v>2</v>
      </c>
      <c r="H67" s="2" t="s">
        <v>146</v>
      </c>
      <c r="I67" s="3">
        <v>2018</v>
      </c>
      <c r="J67" s="2" t="s">
        <v>19</v>
      </c>
      <c r="K67" s="2" t="s">
        <v>174</v>
      </c>
      <c r="L67" s="2" t="s">
        <v>175</v>
      </c>
    </row>
    <row r="68" spans="1:12" ht="15.2" customHeight="1">
      <c r="A68" s="2" t="s">
        <v>195</v>
      </c>
      <c r="B68" s="2" t="s">
        <v>112</v>
      </c>
      <c r="C68" s="2"/>
      <c r="D68" s="2" t="s">
        <v>263</v>
      </c>
      <c r="E68" s="2" t="s">
        <v>16</v>
      </c>
      <c r="F68" s="2" t="s">
        <v>264</v>
      </c>
      <c r="G68" s="3">
        <v>2</v>
      </c>
      <c r="H68" s="2" t="s">
        <v>132</v>
      </c>
      <c r="I68" s="3">
        <v>2019</v>
      </c>
      <c r="J68" s="2" t="s">
        <v>19</v>
      </c>
      <c r="K68" s="2" t="s">
        <v>20</v>
      </c>
      <c r="L68" s="2" t="s">
        <v>265</v>
      </c>
    </row>
    <row r="69" spans="1:12" ht="15.2" customHeight="1">
      <c r="A69" s="2" t="s">
        <v>195</v>
      </c>
      <c r="B69" s="2" t="s">
        <v>119</v>
      </c>
      <c r="C69" s="2" t="s">
        <v>266</v>
      </c>
      <c r="D69" s="2" t="s">
        <v>267</v>
      </c>
      <c r="E69" s="2" t="s">
        <v>16</v>
      </c>
      <c r="F69" s="2" t="s">
        <v>268</v>
      </c>
      <c r="G69" s="3">
        <v>3</v>
      </c>
      <c r="H69" s="2" t="s">
        <v>132</v>
      </c>
      <c r="I69" s="3">
        <v>2018</v>
      </c>
      <c r="J69" s="2" t="s">
        <v>19</v>
      </c>
      <c r="K69" s="2" t="s">
        <v>269</v>
      </c>
      <c r="L69" s="2" t="s">
        <v>270</v>
      </c>
    </row>
    <row r="70" spans="1:12" ht="15.2" customHeight="1">
      <c r="A70" s="2" t="s">
        <v>195</v>
      </c>
      <c r="B70" s="2" t="s">
        <v>190</v>
      </c>
      <c r="C70" s="2"/>
      <c r="D70" s="2" t="s">
        <v>182</v>
      </c>
      <c r="E70" s="2" t="s">
        <v>182</v>
      </c>
      <c r="F70" s="2" t="s">
        <v>182</v>
      </c>
      <c r="G70" s="3">
        <v>1</v>
      </c>
      <c r="H70" s="2" t="s">
        <v>132</v>
      </c>
      <c r="I70" s="3">
        <v>2019</v>
      </c>
      <c r="J70" s="2" t="s">
        <v>19</v>
      </c>
      <c r="K70" s="2" t="s">
        <v>183</v>
      </c>
      <c r="L70" s="2" t="s">
        <v>184</v>
      </c>
    </row>
    <row r="71" spans="1:12" ht="15.2" customHeight="1">
      <c r="A71" s="2" t="s">
        <v>195</v>
      </c>
      <c r="B71" s="2" t="s">
        <v>191</v>
      </c>
      <c r="C71" s="2" t="s">
        <v>186</v>
      </c>
      <c r="D71" s="2" t="s">
        <v>187</v>
      </c>
      <c r="E71" s="2" t="s">
        <v>158</v>
      </c>
      <c r="F71" s="2" t="s">
        <v>188</v>
      </c>
      <c r="G71" s="3">
        <v>7</v>
      </c>
      <c r="H71" s="2" t="s">
        <v>146</v>
      </c>
      <c r="I71" s="3">
        <v>2018</v>
      </c>
      <c r="J71" s="2" t="s">
        <v>19</v>
      </c>
      <c r="K71" s="2" t="s">
        <v>160</v>
      </c>
      <c r="L71" s="2" t="s">
        <v>189</v>
      </c>
    </row>
    <row r="72" spans="1:12" ht="15.2" customHeight="1">
      <c r="A72" s="2" t="s">
        <v>195</v>
      </c>
      <c r="B72" s="2" t="s">
        <v>126</v>
      </c>
      <c r="C72" s="2"/>
      <c r="D72" s="2" t="s">
        <v>263</v>
      </c>
      <c r="E72" s="2" t="s">
        <v>16</v>
      </c>
      <c r="F72" s="2" t="s">
        <v>264</v>
      </c>
      <c r="G72" s="3">
        <v>2</v>
      </c>
      <c r="H72" s="2" t="s">
        <v>132</v>
      </c>
      <c r="I72" s="3">
        <v>2019</v>
      </c>
      <c r="J72" s="2" t="s">
        <v>19</v>
      </c>
      <c r="K72" s="2" t="s">
        <v>20</v>
      </c>
      <c r="L72" s="2" t="s">
        <v>265</v>
      </c>
    </row>
    <row r="73" spans="1:12" ht="15.2" customHeight="1">
      <c r="A73" s="2" t="s">
        <v>195</v>
      </c>
      <c r="B73" s="2" t="s">
        <v>271</v>
      </c>
      <c r="C73" s="2" t="s">
        <v>266</v>
      </c>
      <c r="D73" s="2" t="s">
        <v>267</v>
      </c>
      <c r="E73" s="2" t="s">
        <v>16</v>
      </c>
      <c r="F73" s="2" t="s">
        <v>268</v>
      </c>
      <c r="G73" s="3">
        <v>3</v>
      </c>
      <c r="H73" s="2" t="s">
        <v>132</v>
      </c>
      <c r="I73" s="3">
        <v>2018</v>
      </c>
      <c r="J73" s="2" t="s">
        <v>19</v>
      </c>
      <c r="K73" s="2" t="s">
        <v>269</v>
      </c>
      <c r="L73" s="2" t="s">
        <v>270</v>
      </c>
    </row>
    <row r="74" spans="1:12" ht="15.2" customHeight="1">
      <c r="A74" s="2" t="s">
        <v>195</v>
      </c>
      <c r="B74" s="2" t="s">
        <v>272</v>
      </c>
      <c r="C74" s="2" t="s">
        <v>170</v>
      </c>
      <c r="D74" s="2" t="s">
        <v>171</v>
      </c>
      <c r="E74" s="2" t="s">
        <v>172</v>
      </c>
      <c r="F74" s="2" t="s">
        <v>173</v>
      </c>
      <c r="G74" s="3">
        <v>2</v>
      </c>
      <c r="H74" s="2" t="s">
        <v>146</v>
      </c>
      <c r="I74" s="3">
        <v>2018</v>
      </c>
      <c r="J74" s="2" t="s">
        <v>19</v>
      </c>
      <c r="K74" s="2" t="s">
        <v>174</v>
      </c>
      <c r="L74" s="2" t="s">
        <v>175</v>
      </c>
    </row>
    <row r="75" spans="1:12" ht="15.2" customHeight="1">
      <c r="A75" s="2" t="s">
        <v>195</v>
      </c>
      <c r="B75" s="2" t="s">
        <v>273</v>
      </c>
      <c r="C75" s="2" t="s">
        <v>258</v>
      </c>
      <c r="D75" s="2" t="s">
        <v>259</v>
      </c>
      <c r="E75" s="2" t="s">
        <v>172</v>
      </c>
      <c r="F75" s="2" t="s">
        <v>260</v>
      </c>
      <c r="G75" s="3">
        <v>1</v>
      </c>
      <c r="H75" s="2" t="s">
        <v>146</v>
      </c>
      <c r="I75" s="3">
        <v>2018</v>
      </c>
      <c r="J75" s="2" t="s">
        <v>19</v>
      </c>
      <c r="K75" s="2" t="s">
        <v>174</v>
      </c>
      <c r="L75" s="2" t="s">
        <v>261</v>
      </c>
    </row>
    <row r="76" spans="1:12" ht="15.2" customHeight="1">
      <c r="A76" s="2" t="s">
        <v>195</v>
      </c>
      <c r="B76" s="2" t="s">
        <v>142</v>
      </c>
      <c r="C76" s="2" t="s">
        <v>221</v>
      </c>
      <c r="D76" s="2" t="s">
        <v>222</v>
      </c>
      <c r="E76" s="2" t="s">
        <v>32</v>
      </c>
      <c r="F76" s="2" t="s">
        <v>223</v>
      </c>
      <c r="G76" s="3">
        <v>2</v>
      </c>
      <c r="H76" s="2" t="s">
        <v>132</v>
      </c>
      <c r="I76" s="3">
        <v>2019</v>
      </c>
      <c r="J76" s="2" t="s">
        <v>19</v>
      </c>
      <c r="K76" s="2" t="s">
        <v>34</v>
      </c>
      <c r="L76" s="2" t="s">
        <v>224</v>
      </c>
    </row>
    <row r="77" spans="1:12" ht="15.2" customHeight="1">
      <c r="A77" s="2" t="s">
        <v>195</v>
      </c>
      <c r="B77" s="2" t="s">
        <v>274</v>
      </c>
      <c r="C77" s="2" t="s">
        <v>225</v>
      </c>
      <c r="D77" s="2" t="s">
        <v>226</v>
      </c>
      <c r="E77" s="2" t="s">
        <v>32</v>
      </c>
      <c r="F77" s="2" t="s">
        <v>227</v>
      </c>
      <c r="G77" s="3">
        <v>3</v>
      </c>
      <c r="H77" s="2" t="s">
        <v>132</v>
      </c>
      <c r="I77" s="3">
        <v>2018</v>
      </c>
      <c r="J77" s="2" t="s">
        <v>19</v>
      </c>
      <c r="K77" s="2" t="s">
        <v>34</v>
      </c>
      <c r="L77" s="2" t="s">
        <v>228</v>
      </c>
    </row>
    <row r="78" spans="1:12" ht="15.2" customHeight="1">
      <c r="A78" s="2" t="s">
        <v>275</v>
      </c>
      <c r="B78" s="2" t="s">
        <v>14</v>
      </c>
      <c r="C78" s="2" t="s">
        <v>276</v>
      </c>
      <c r="D78" s="2" t="s">
        <v>277</v>
      </c>
      <c r="E78" s="2" t="s">
        <v>198</v>
      </c>
      <c r="F78" s="2" t="s">
        <v>278</v>
      </c>
      <c r="G78" s="3">
        <v>2</v>
      </c>
      <c r="H78" s="2" t="s">
        <v>132</v>
      </c>
      <c r="I78" s="3">
        <v>2019</v>
      </c>
      <c r="J78" s="2" t="s">
        <v>19</v>
      </c>
      <c r="K78" s="2" t="s">
        <v>200</v>
      </c>
      <c r="L78" s="2" t="s">
        <v>279</v>
      </c>
    </row>
    <row r="79" spans="1:12" ht="15.2" customHeight="1">
      <c r="A79" s="2" t="s">
        <v>275</v>
      </c>
      <c r="B79" s="2" t="s">
        <v>22</v>
      </c>
      <c r="C79" s="2" t="s">
        <v>280</v>
      </c>
      <c r="D79" s="2" t="s">
        <v>281</v>
      </c>
      <c r="E79" s="2" t="s">
        <v>282</v>
      </c>
      <c r="F79" s="2" t="s">
        <v>283</v>
      </c>
      <c r="G79" s="3">
        <v>1</v>
      </c>
      <c r="H79" s="2" t="s">
        <v>132</v>
      </c>
      <c r="I79" s="3">
        <v>2015</v>
      </c>
      <c r="J79" s="2" t="s">
        <v>254</v>
      </c>
      <c r="K79" s="2" t="s">
        <v>284</v>
      </c>
      <c r="L79" s="2" t="s">
        <v>285</v>
      </c>
    </row>
    <row r="80" spans="1:12" ht="15.2" customHeight="1">
      <c r="A80" s="2" t="s">
        <v>275</v>
      </c>
      <c r="B80" s="2" t="s">
        <v>29</v>
      </c>
      <c r="C80" s="2" t="s">
        <v>286</v>
      </c>
      <c r="D80" s="2" t="s">
        <v>287</v>
      </c>
      <c r="E80" s="2" t="s">
        <v>210</v>
      </c>
      <c r="F80" s="2" t="s">
        <v>288</v>
      </c>
      <c r="G80" s="3">
        <v>12</v>
      </c>
      <c r="H80" s="2" t="s">
        <v>289</v>
      </c>
      <c r="I80" s="3">
        <v>2017</v>
      </c>
      <c r="J80" s="2" t="s">
        <v>19</v>
      </c>
      <c r="K80" s="2" t="s">
        <v>213</v>
      </c>
      <c r="L80" s="2" t="s">
        <v>290</v>
      </c>
    </row>
    <row r="81" spans="1:12" ht="15.2" customHeight="1">
      <c r="A81" s="2" t="s">
        <v>275</v>
      </c>
      <c r="B81" s="2" t="s">
        <v>215</v>
      </c>
      <c r="C81" s="2" t="s">
        <v>291</v>
      </c>
      <c r="D81" s="2" t="s">
        <v>292</v>
      </c>
      <c r="E81" s="2" t="s">
        <v>66</v>
      </c>
      <c r="F81" s="2" t="s">
        <v>293</v>
      </c>
      <c r="G81" s="3">
        <v>20</v>
      </c>
      <c r="H81" s="2" t="s">
        <v>294</v>
      </c>
      <c r="I81" s="3">
        <v>2015</v>
      </c>
      <c r="J81" s="2" t="s">
        <v>19</v>
      </c>
      <c r="K81" s="2" t="s">
        <v>219</v>
      </c>
      <c r="L81" s="2" t="s">
        <v>295</v>
      </c>
    </row>
    <row r="82" spans="1:12" ht="15.2" customHeight="1">
      <c r="A82" s="2" t="s">
        <v>275</v>
      </c>
      <c r="B82" s="2" t="s">
        <v>41</v>
      </c>
      <c r="C82" s="2" t="s">
        <v>296</v>
      </c>
      <c r="D82" s="2" t="s">
        <v>297</v>
      </c>
      <c r="E82" s="2" t="s">
        <v>145</v>
      </c>
      <c r="F82" s="2" t="s">
        <v>297</v>
      </c>
      <c r="G82" s="3">
        <v>7</v>
      </c>
      <c r="H82" s="2" t="s">
        <v>132</v>
      </c>
      <c r="I82" s="3">
        <v>2017</v>
      </c>
      <c r="J82" s="2" t="s">
        <v>19</v>
      </c>
      <c r="K82" s="2" t="s">
        <v>147</v>
      </c>
      <c r="L82" s="2" t="s">
        <v>298</v>
      </c>
    </row>
    <row r="83" spans="1:12" ht="15.2" customHeight="1">
      <c r="A83" s="2" t="s">
        <v>275</v>
      </c>
      <c r="B83" s="2" t="s">
        <v>162</v>
      </c>
      <c r="C83" s="2" t="s">
        <v>178</v>
      </c>
      <c r="D83" s="2" t="s">
        <v>179</v>
      </c>
      <c r="E83" s="2" t="s">
        <v>32</v>
      </c>
      <c r="F83" s="2" t="s">
        <v>180</v>
      </c>
      <c r="G83" s="3">
        <v>4</v>
      </c>
      <c r="H83" s="2" t="s">
        <v>132</v>
      </c>
      <c r="I83" s="3">
        <v>2018</v>
      </c>
      <c r="J83" s="2" t="s">
        <v>19</v>
      </c>
      <c r="K83" s="2" t="s">
        <v>34</v>
      </c>
      <c r="L83" s="2" t="s">
        <v>181</v>
      </c>
    </row>
    <row r="84" spans="1:12" ht="15.2" customHeight="1">
      <c r="A84" s="2" t="s">
        <v>275</v>
      </c>
      <c r="B84" s="2" t="s">
        <v>163</v>
      </c>
      <c r="C84" s="2" t="s">
        <v>299</v>
      </c>
      <c r="D84" s="2" t="s">
        <v>300</v>
      </c>
      <c r="E84" s="2" t="s">
        <v>153</v>
      </c>
      <c r="F84" s="2" t="s">
        <v>301</v>
      </c>
      <c r="G84" s="3">
        <v>26</v>
      </c>
      <c r="H84" s="2" t="s">
        <v>146</v>
      </c>
      <c r="I84" s="3">
        <v>2010</v>
      </c>
      <c r="J84" s="2" t="s">
        <v>19</v>
      </c>
      <c r="K84" s="2" t="s">
        <v>155</v>
      </c>
      <c r="L84" s="2" t="s">
        <v>302</v>
      </c>
    </row>
    <row r="85" spans="1:12" ht="15.2" customHeight="1">
      <c r="A85" s="2" t="s">
        <v>275</v>
      </c>
      <c r="B85" s="2" t="s">
        <v>303</v>
      </c>
      <c r="C85" s="2" t="s">
        <v>304</v>
      </c>
      <c r="D85" s="2" t="s">
        <v>305</v>
      </c>
      <c r="E85" s="2" t="s">
        <v>153</v>
      </c>
      <c r="F85" s="2" t="s">
        <v>306</v>
      </c>
      <c r="G85" s="3">
        <v>27</v>
      </c>
      <c r="H85" s="2" t="s">
        <v>146</v>
      </c>
      <c r="I85" s="3">
        <v>2010</v>
      </c>
      <c r="J85" s="2" t="s">
        <v>19</v>
      </c>
      <c r="K85" s="2" t="s">
        <v>155</v>
      </c>
      <c r="L85" s="2" t="s">
        <v>307</v>
      </c>
    </row>
    <row r="86" spans="1:12" ht="15.2" customHeight="1">
      <c r="A86" s="2" t="s">
        <v>275</v>
      </c>
      <c r="B86" s="2" t="s">
        <v>237</v>
      </c>
      <c r="C86" s="2" t="s">
        <v>308</v>
      </c>
      <c r="D86" s="2" t="s">
        <v>309</v>
      </c>
      <c r="E86" s="2" t="s">
        <v>310</v>
      </c>
      <c r="F86" s="2" t="s">
        <v>311</v>
      </c>
      <c r="G86" s="3">
        <v>6</v>
      </c>
      <c r="H86" s="2" t="s">
        <v>146</v>
      </c>
      <c r="I86" s="3">
        <v>2017</v>
      </c>
      <c r="J86" s="2" t="s">
        <v>19</v>
      </c>
      <c r="K86" s="2" t="s">
        <v>312</v>
      </c>
      <c r="L86" s="2" t="s">
        <v>313</v>
      </c>
    </row>
    <row r="87" spans="1:12" ht="15.2" customHeight="1">
      <c r="A87" s="2" t="s">
        <v>275</v>
      </c>
      <c r="B87" s="2" t="s">
        <v>314</v>
      </c>
      <c r="C87" s="2" t="s">
        <v>315</v>
      </c>
      <c r="D87" s="2" t="s">
        <v>316</v>
      </c>
      <c r="E87" s="2" t="s">
        <v>317</v>
      </c>
      <c r="F87" s="2" t="s">
        <v>318</v>
      </c>
      <c r="G87" s="3">
        <v>2</v>
      </c>
      <c r="H87" s="2" t="s">
        <v>132</v>
      </c>
      <c r="I87" s="3">
        <v>2018</v>
      </c>
      <c r="J87" s="2" t="s">
        <v>19</v>
      </c>
      <c r="K87" s="2" t="s">
        <v>319</v>
      </c>
      <c r="L87" s="2" t="s">
        <v>320</v>
      </c>
    </row>
    <row r="88" spans="1:12" ht="15.2" customHeight="1">
      <c r="A88" s="2" t="s">
        <v>275</v>
      </c>
      <c r="B88" s="2" t="s">
        <v>248</v>
      </c>
      <c r="C88" s="2" t="s">
        <v>321</v>
      </c>
      <c r="D88" s="2" t="s">
        <v>322</v>
      </c>
      <c r="E88" s="2" t="s">
        <v>251</v>
      </c>
      <c r="F88" s="2" t="s">
        <v>323</v>
      </c>
      <c r="G88" s="3">
        <v>2</v>
      </c>
      <c r="H88" s="2" t="s">
        <v>324</v>
      </c>
      <c r="I88" s="3">
        <v>2014</v>
      </c>
      <c r="J88" s="2" t="s">
        <v>254</v>
      </c>
      <c r="K88" s="2" t="s">
        <v>255</v>
      </c>
      <c r="L88" s="2" t="s">
        <v>325</v>
      </c>
    </row>
    <row r="89" spans="1:12" ht="15.2" customHeight="1">
      <c r="A89" s="2" t="s">
        <v>275</v>
      </c>
      <c r="B89" s="2" t="s">
        <v>99</v>
      </c>
      <c r="C89" s="2" t="s">
        <v>326</v>
      </c>
      <c r="D89" s="2" t="s">
        <v>327</v>
      </c>
      <c r="E89" s="2" t="s">
        <v>328</v>
      </c>
      <c r="F89" s="2" t="s">
        <v>328</v>
      </c>
      <c r="G89" s="3">
        <v>1</v>
      </c>
      <c r="H89" s="2" t="s">
        <v>253</v>
      </c>
      <c r="I89" s="3">
        <v>2017</v>
      </c>
      <c r="J89" s="2" t="s">
        <v>254</v>
      </c>
      <c r="K89" s="2" t="s">
        <v>329</v>
      </c>
      <c r="L89" s="2" t="s">
        <v>330</v>
      </c>
    </row>
    <row r="90" spans="1:12" ht="15.2" customHeight="1">
      <c r="A90" s="2" t="s">
        <v>275</v>
      </c>
      <c r="B90" s="2" t="s">
        <v>257</v>
      </c>
      <c r="C90" s="2" t="s">
        <v>331</v>
      </c>
      <c r="D90" s="2" t="s">
        <v>332</v>
      </c>
      <c r="E90" s="2" t="s">
        <v>333</v>
      </c>
      <c r="F90" s="2" t="s">
        <v>334</v>
      </c>
      <c r="G90" s="3">
        <v>1</v>
      </c>
      <c r="H90" s="2" t="s">
        <v>335</v>
      </c>
      <c r="I90" s="3">
        <v>2013</v>
      </c>
      <c r="J90" s="2" t="s">
        <v>336</v>
      </c>
      <c r="K90" s="2" t="s">
        <v>337</v>
      </c>
      <c r="L90" s="2" t="s">
        <v>338</v>
      </c>
    </row>
    <row r="91" spans="1:12" ht="15.2" customHeight="1">
      <c r="A91" s="2" t="s">
        <v>275</v>
      </c>
      <c r="B91" s="2" t="s">
        <v>262</v>
      </c>
      <c r="C91" s="2" t="s">
        <v>339</v>
      </c>
      <c r="D91" s="2" t="s">
        <v>340</v>
      </c>
      <c r="E91" s="2" t="s">
        <v>333</v>
      </c>
      <c r="F91" s="2" t="s">
        <v>341</v>
      </c>
      <c r="G91" s="3">
        <v>2</v>
      </c>
      <c r="H91" s="2" t="s">
        <v>342</v>
      </c>
      <c r="I91" s="3">
        <v>2013</v>
      </c>
      <c r="J91" s="2" t="s">
        <v>336</v>
      </c>
      <c r="K91" s="2" t="s">
        <v>337</v>
      </c>
      <c r="L91" s="2" t="s">
        <v>343</v>
      </c>
    </row>
    <row r="92" spans="1:12" s="5" customFormat="1" ht="15.2" customHeight="1">
      <c r="A92" s="4" t="s">
        <v>275</v>
      </c>
      <c r="B92" s="4" t="s">
        <v>112</v>
      </c>
      <c r="C92" s="4" t="s">
        <v>344</v>
      </c>
      <c r="D92" s="4" t="s">
        <v>345</v>
      </c>
      <c r="E92" s="4" t="s">
        <v>66</v>
      </c>
      <c r="F92" s="4" t="s">
        <v>346</v>
      </c>
      <c r="G92" s="4">
        <v>4</v>
      </c>
      <c r="H92" s="4" t="s">
        <v>347</v>
      </c>
      <c r="I92" s="4">
        <v>2016</v>
      </c>
      <c r="J92" s="4" t="s">
        <v>19</v>
      </c>
      <c r="K92" s="4" t="s">
        <v>69</v>
      </c>
      <c r="L92" s="4" t="s">
        <v>348</v>
      </c>
    </row>
    <row r="93" spans="1:12" ht="15.2" customHeight="1">
      <c r="A93" s="2" t="s">
        <v>275</v>
      </c>
      <c r="B93" s="2" t="s">
        <v>349</v>
      </c>
      <c r="C93" s="2" t="s">
        <v>80</v>
      </c>
      <c r="D93" s="2" t="s">
        <v>81</v>
      </c>
      <c r="E93" s="2" t="s">
        <v>82</v>
      </c>
      <c r="F93" s="2" t="s">
        <v>83</v>
      </c>
      <c r="G93" s="3">
        <v>6</v>
      </c>
      <c r="H93" s="2" t="s">
        <v>350</v>
      </c>
      <c r="I93" s="3">
        <v>2016</v>
      </c>
      <c r="J93" s="2" t="s">
        <v>84</v>
      </c>
      <c r="K93" s="2" t="s">
        <v>85</v>
      </c>
      <c r="L93" s="2" t="s">
        <v>86</v>
      </c>
    </row>
    <row r="94" spans="1:12" ht="15.2" customHeight="1">
      <c r="A94" s="2" t="s">
        <v>275</v>
      </c>
      <c r="B94" s="2" t="s">
        <v>351</v>
      </c>
      <c r="C94" s="2" t="s">
        <v>88</v>
      </c>
      <c r="D94" s="2" t="s">
        <v>89</v>
      </c>
      <c r="E94" s="2" t="s">
        <v>90</v>
      </c>
      <c r="F94" s="2" t="s">
        <v>91</v>
      </c>
      <c r="G94" s="3">
        <v>3</v>
      </c>
      <c r="H94" s="2" t="s">
        <v>352</v>
      </c>
      <c r="I94" s="3">
        <v>2014</v>
      </c>
      <c r="J94" s="2" t="s">
        <v>55</v>
      </c>
      <c r="K94" s="2" t="s">
        <v>92</v>
      </c>
      <c r="L94" s="2" t="s">
        <v>93</v>
      </c>
    </row>
    <row r="95" spans="1:12" ht="15.2" customHeight="1">
      <c r="A95" s="2" t="s">
        <v>275</v>
      </c>
      <c r="B95" s="2" t="s">
        <v>353</v>
      </c>
      <c r="C95" s="2" t="s">
        <v>95</v>
      </c>
      <c r="D95" s="2" t="s">
        <v>96</v>
      </c>
      <c r="E95" s="2" t="s">
        <v>90</v>
      </c>
      <c r="F95" s="2" t="s">
        <v>97</v>
      </c>
      <c r="G95" s="3">
        <v>4</v>
      </c>
      <c r="H95" s="2" t="s">
        <v>354</v>
      </c>
      <c r="I95" s="3">
        <v>2014</v>
      </c>
      <c r="J95" s="2" t="s">
        <v>55</v>
      </c>
      <c r="K95" s="2" t="s">
        <v>92</v>
      </c>
      <c r="L95" s="2" t="s">
        <v>98</v>
      </c>
    </row>
    <row r="96" spans="1:12" ht="15.2" customHeight="1">
      <c r="A96" s="2" t="s">
        <v>275</v>
      </c>
      <c r="B96" s="2" t="s">
        <v>126</v>
      </c>
      <c r="C96" s="2" t="s">
        <v>344</v>
      </c>
      <c r="D96" s="2" t="s">
        <v>345</v>
      </c>
      <c r="E96" s="2" t="s">
        <v>66</v>
      </c>
      <c r="F96" s="2" t="s">
        <v>346</v>
      </c>
      <c r="G96" s="3">
        <v>4</v>
      </c>
      <c r="H96" s="2" t="s">
        <v>347</v>
      </c>
      <c r="I96" s="3">
        <v>2016</v>
      </c>
      <c r="J96" s="2" t="s">
        <v>19</v>
      </c>
      <c r="K96" s="2" t="s">
        <v>69</v>
      </c>
      <c r="L96" s="2" t="s">
        <v>348</v>
      </c>
    </row>
    <row r="97" spans="1:12" ht="15.2" customHeight="1">
      <c r="A97" s="2" t="s">
        <v>275</v>
      </c>
      <c r="B97" s="2" t="s">
        <v>272</v>
      </c>
      <c r="C97" s="2" t="s">
        <v>339</v>
      </c>
      <c r="D97" s="2" t="s">
        <v>340</v>
      </c>
      <c r="E97" s="2" t="s">
        <v>333</v>
      </c>
      <c r="F97" s="2" t="s">
        <v>341</v>
      </c>
      <c r="G97" s="3">
        <v>2</v>
      </c>
      <c r="H97" s="2" t="s">
        <v>342</v>
      </c>
      <c r="I97" s="3">
        <v>2013</v>
      </c>
      <c r="J97" s="2" t="s">
        <v>336</v>
      </c>
      <c r="K97" s="2" t="s">
        <v>337</v>
      </c>
      <c r="L97" s="2" t="s">
        <v>343</v>
      </c>
    </row>
    <row r="98" spans="1:12" ht="15.2" customHeight="1">
      <c r="A98" s="2" t="s">
        <v>275</v>
      </c>
      <c r="B98" s="2" t="s">
        <v>273</v>
      </c>
      <c r="C98" s="2" t="s">
        <v>331</v>
      </c>
      <c r="D98" s="2" t="s">
        <v>332</v>
      </c>
      <c r="E98" s="2" t="s">
        <v>333</v>
      </c>
      <c r="F98" s="2" t="s">
        <v>334</v>
      </c>
      <c r="G98" s="3">
        <v>1</v>
      </c>
      <c r="H98" s="2" t="s">
        <v>335</v>
      </c>
      <c r="I98" s="3">
        <v>2013</v>
      </c>
      <c r="J98" s="2" t="s">
        <v>336</v>
      </c>
      <c r="K98" s="2" t="s">
        <v>337</v>
      </c>
      <c r="L98" s="2" t="s">
        <v>338</v>
      </c>
    </row>
    <row r="99" spans="1:12" ht="15.2" customHeight="1">
      <c r="A99" s="2" t="s">
        <v>275</v>
      </c>
      <c r="B99" s="2" t="s">
        <v>142</v>
      </c>
      <c r="C99" s="2" t="s">
        <v>296</v>
      </c>
      <c r="D99" s="2" t="s">
        <v>297</v>
      </c>
      <c r="E99" s="2" t="s">
        <v>145</v>
      </c>
      <c r="F99" s="2" t="s">
        <v>297</v>
      </c>
      <c r="G99" s="3">
        <v>7</v>
      </c>
      <c r="H99" s="2" t="s">
        <v>132</v>
      </c>
      <c r="I99" s="3">
        <v>2017</v>
      </c>
      <c r="J99" s="2" t="s">
        <v>19</v>
      </c>
      <c r="K99" s="2" t="s">
        <v>147</v>
      </c>
      <c r="L99" s="2" t="s">
        <v>298</v>
      </c>
    </row>
    <row r="100" spans="1:12" ht="15.2" customHeight="1">
      <c r="A100" s="2" t="s">
        <v>275</v>
      </c>
      <c r="B100" s="2" t="s">
        <v>274</v>
      </c>
      <c r="C100" s="2" t="s">
        <v>178</v>
      </c>
      <c r="D100" s="2" t="s">
        <v>179</v>
      </c>
      <c r="E100" s="2" t="s">
        <v>32</v>
      </c>
      <c r="F100" s="2" t="s">
        <v>180</v>
      </c>
      <c r="G100" s="3">
        <v>4</v>
      </c>
      <c r="H100" s="2" t="s">
        <v>132</v>
      </c>
      <c r="I100" s="3">
        <v>2018</v>
      </c>
      <c r="J100" s="2" t="s">
        <v>19</v>
      </c>
      <c r="K100" s="2" t="s">
        <v>34</v>
      </c>
      <c r="L100" s="2" t="s">
        <v>181</v>
      </c>
    </row>
    <row r="101" spans="1:12" ht="15.2" customHeight="1">
      <c r="A101" s="2" t="s">
        <v>355</v>
      </c>
      <c r="B101" s="2" t="s">
        <v>14</v>
      </c>
      <c r="C101" s="2" t="s">
        <v>356</v>
      </c>
      <c r="D101" s="2" t="s">
        <v>357</v>
      </c>
      <c r="E101" s="2" t="s">
        <v>198</v>
      </c>
      <c r="F101" s="2" t="s">
        <v>358</v>
      </c>
      <c r="G101" s="3">
        <v>3</v>
      </c>
      <c r="H101" s="2" t="s">
        <v>146</v>
      </c>
      <c r="I101" s="3">
        <v>2019</v>
      </c>
      <c r="J101" s="2" t="s">
        <v>19</v>
      </c>
      <c r="K101" s="2" t="s">
        <v>200</v>
      </c>
      <c r="L101" s="2" t="s">
        <v>359</v>
      </c>
    </row>
    <row r="102" spans="1:12" ht="15.2" customHeight="1">
      <c r="A102" s="2" t="s">
        <v>355</v>
      </c>
      <c r="B102" s="2" t="s">
        <v>22</v>
      </c>
      <c r="C102" s="2" t="s">
        <v>360</v>
      </c>
      <c r="D102" s="2" t="s">
        <v>361</v>
      </c>
      <c r="E102" s="2" t="s">
        <v>362</v>
      </c>
      <c r="F102" s="2" t="s">
        <v>363</v>
      </c>
      <c r="G102" s="3">
        <v>36</v>
      </c>
      <c r="H102" s="2" t="s">
        <v>146</v>
      </c>
      <c r="I102" s="3">
        <v>2010</v>
      </c>
      <c r="J102" s="2" t="s">
        <v>19</v>
      </c>
      <c r="K102" s="2" t="s">
        <v>364</v>
      </c>
      <c r="L102" s="2" t="s">
        <v>365</v>
      </c>
    </row>
    <row r="103" spans="1:12" ht="15.2" customHeight="1">
      <c r="A103" s="2" t="s">
        <v>355</v>
      </c>
      <c r="B103" s="2" t="s">
        <v>29</v>
      </c>
      <c r="C103" s="2" t="s">
        <v>366</v>
      </c>
      <c r="D103" s="2" t="s">
        <v>367</v>
      </c>
      <c r="E103" s="2" t="s">
        <v>210</v>
      </c>
      <c r="F103" s="2" t="s">
        <v>368</v>
      </c>
      <c r="G103" s="3">
        <v>13</v>
      </c>
      <c r="H103" s="2" t="s">
        <v>354</v>
      </c>
      <c r="I103" s="3">
        <v>2017</v>
      </c>
      <c r="J103" s="2" t="s">
        <v>19</v>
      </c>
      <c r="K103" s="2" t="s">
        <v>213</v>
      </c>
      <c r="L103" s="2" t="s">
        <v>369</v>
      </c>
    </row>
    <row r="104" spans="1:12" ht="15.2" customHeight="1">
      <c r="A104" s="2" t="s">
        <v>355</v>
      </c>
      <c r="B104" s="2" t="s">
        <v>215</v>
      </c>
      <c r="C104" s="2" t="s">
        <v>370</v>
      </c>
      <c r="D104" s="2" t="s">
        <v>371</v>
      </c>
      <c r="E104" s="2" t="s">
        <v>66</v>
      </c>
      <c r="F104" s="2" t="s">
        <v>372</v>
      </c>
      <c r="G104" s="3">
        <v>21</v>
      </c>
      <c r="H104" s="2" t="s">
        <v>68</v>
      </c>
      <c r="I104" s="3">
        <v>2015</v>
      </c>
      <c r="J104" s="2" t="s">
        <v>19</v>
      </c>
      <c r="K104" s="2" t="s">
        <v>219</v>
      </c>
      <c r="L104" s="2" t="s">
        <v>373</v>
      </c>
    </row>
    <row r="105" spans="1:12" ht="15.2" customHeight="1">
      <c r="A105" s="2" t="s">
        <v>355</v>
      </c>
      <c r="B105" s="2" t="s">
        <v>41</v>
      </c>
      <c r="C105" s="2" t="s">
        <v>143</v>
      </c>
      <c r="D105" s="2" t="s">
        <v>144</v>
      </c>
      <c r="E105" s="2" t="s">
        <v>145</v>
      </c>
      <c r="F105" s="2" t="s">
        <v>144</v>
      </c>
      <c r="G105" s="3">
        <v>8</v>
      </c>
      <c r="H105" s="2" t="s">
        <v>146</v>
      </c>
      <c r="I105" s="3">
        <v>2017</v>
      </c>
      <c r="J105" s="2" t="s">
        <v>19</v>
      </c>
      <c r="K105" s="2" t="s">
        <v>147</v>
      </c>
      <c r="L105" s="2" t="s">
        <v>148</v>
      </c>
    </row>
    <row r="106" spans="1:12" ht="15.2" customHeight="1">
      <c r="A106" s="2" t="s">
        <v>355</v>
      </c>
      <c r="B106" s="2" t="s">
        <v>162</v>
      </c>
      <c r="C106" s="2" t="s">
        <v>30</v>
      </c>
      <c r="D106" s="2" t="s">
        <v>31</v>
      </c>
      <c r="E106" s="2" t="s">
        <v>32</v>
      </c>
      <c r="F106" s="2" t="s">
        <v>33</v>
      </c>
      <c r="G106" s="3">
        <v>5</v>
      </c>
      <c r="H106" s="2" t="s">
        <v>146</v>
      </c>
      <c r="I106" s="3">
        <v>2018</v>
      </c>
      <c r="J106" s="2" t="s">
        <v>19</v>
      </c>
      <c r="K106" s="2" t="s">
        <v>34</v>
      </c>
      <c r="L106" s="2" t="s">
        <v>35</v>
      </c>
    </row>
    <row r="107" spans="1:12" ht="15.2" customHeight="1">
      <c r="A107" s="2" t="s">
        <v>355</v>
      </c>
      <c r="B107" s="2" t="s">
        <v>163</v>
      </c>
      <c r="C107" s="2" t="s">
        <v>374</v>
      </c>
      <c r="D107" s="2" t="s">
        <v>375</v>
      </c>
      <c r="E107" s="2" t="s">
        <v>32</v>
      </c>
      <c r="F107" s="2" t="s">
        <v>376</v>
      </c>
      <c r="G107" s="3">
        <v>1</v>
      </c>
      <c r="H107" s="2" t="s">
        <v>132</v>
      </c>
      <c r="I107" s="3">
        <v>2019</v>
      </c>
      <c r="J107" s="2" t="s">
        <v>19</v>
      </c>
      <c r="K107" s="2" t="s">
        <v>34</v>
      </c>
      <c r="L107" s="2" t="s">
        <v>377</v>
      </c>
    </row>
    <row r="108" spans="1:12" ht="15.2" customHeight="1">
      <c r="A108" s="2" t="s">
        <v>355</v>
      </c>
      <c r="B108" s="2" t="s">
        <v>63</v>
      </c>
      <c r="C108" s="2" t="s">
        <v>221</v>
      </c>
      <c r="D108" s="2" t="s">
        <v>222</v>
      </c>
      <c r="E108" s="2" t="s">
        <v>32</v>
      </c>
      <c r="F108" s="2" t="s">
        <v>223</v>
      </c>
      <c r="G108" s="3">
        <v>2</v>
      </c>
      <c r="H108" s="2" t="s">
        <v>132</v>
      </c>
      <c r="I108" s="3">
        <v>2019</v>
      </c>
      <c r="J108" s="2" t="s">
        <v>19</v>
      </c>
      <c r="K108" s="2" t="s">
        <v>34</v>
      </c>
      <c r="L108" s="2" t="s">
        <v>224</v>
      </c>
    </row>
    <row r="109" spans="1:12" ht="15.2" customHeight="1">
      <c r="A109" s="2" t="s">
        <v>355</v>
      </c>
      <c r="B109" s="2" t="s">
        <v>168</v>
      </c>
      <c r="C109" s="2" t="s">
        <v>378</v>
      </c>
      <c r="D109" s="2" t="s">
        <v>379</v>
      </c>
      <c r="E109" s="2" t="s">
        <v>32</v>
      </c>
      <c r="F109" s="2" t="s">
        <v>380</v>
      </c>
      <c r="G109" s="3">
        <v>3</v>
      </c>
      <c r="H109" s="2" t="s">
        <v>132</v>
      </c>
      <c r="I109" s="3">
        <v>2019</v>
      </c>
      <c r="J109" s="2" t="s">
        <v>19</v>
      </c>
      <c r="K109" s="2" t="s">
        <v>34</v>
      </c>
      <c r="L109" s="2" t="s">
        <v>381</v>
      </c>
    </row>
    <row r="110" spans="1:12" ht="15.2" customHeight="1">
      <c r="A110" s="2" t="s">
        <v>355</v>
      </c>
      <c r="B110" s="2" t="s">
        <v>314</v>
      </c>
      <c r="C110" s="2" t="s">
        <v>382</v>
      </c>
      <c r="D110" s="2" t="s">
        <v>383</v>
      </c>
      <c r="E110" s="2" t="s">
        <v>384</v>
      </c>
      <c r="F110" s="2" t="s">
        <v>385</v>
      </c>
      <c r="G110" s="3">
        <v>3</v>
      </c>
      <c r="H110" s="2" t="s">
        <v>146</v>
      </c>
      <c r="I110" s="3">
        <v>2019</v>
      </c>
      <c r="J110" s="2" t="s">
        <v>19</v>
      </c>
      <c r="K110" s="2" t="s">
        <v>386</v>
      </c>
      <c r="L110" s="2" t="s">
        <v>387</v>
      </c>
    </row>
    <row r="111" spans="1:12" ht="15.2" customHeight="1">
      <c r="A111" s="2" t="s">
        <v>355</v>
      </c>
      <c r="B111" s="2" t="s">
        <v>248</v>
      </c>
      <c r="C111" s="2" t="s">
        <v>388</v>
      </c>
      <c r="D111" s="2" t="s">
        <v>389</v>
      </c>
      <c r="E111" s="2" t="s">
        <v>251</v>
      </c>
      <c r="F111" s="2" t="s">
        <v>390</v>
      </c>
      <c r="G111" s="3">
        <v>1</v>
      </c>
      <c r="H111" s="2" t="s">
        <v>253</v>
      </c>
      <c r="I111" s="3">
        <v>2014</v>
      </c>
      <c r="J111" s="2" t="s">
        <v>254</v>
      </c>
      <c r="K111" s="2" t="s">
        <v>391</v>
      </c>
      <c r="L111" s="2" t="s">
        <v>392</v>
      </c>
    </row>
    <row r="112" spans="1:12" ht="15.2" customHeight="1">
      <c r="A112" s="2" t="s">
        <v>355</v>
      </c>
      <c r="B112" s="2" t="s">
        <v>99</v>
      </c>
      <c r="C112" s="2" t="s">
        <v>393</v>
      </c>
      <c r="D112" s="2" t="s">
        <v>394</v>
      </c>
      <c r="E112" s="2" t="s">
        <v>395</v>
      </c>
      <c r="F112" s="2" t="s">
        <v>396</v>
      </c>
      <c r="G112" s="3">
        <v>1</v>
      </c>
      <c r="H112" s="2" t="s">
        <v>253</v>
      </c>
      <c r="I112" s="3">
        <v>2016</v>
      </c>
      <c r="J112" s="2" t="s">
        <v>254</v>
      </c>
      <c r="K112" s="2" t="s">
        <v>397</v>
      </c>
      <c r="L112" s="2" t="s">
        <v>398</v>
      </c>
    </row>
    <row r="113" spans="1:12" ht="15.2" customHeight="1">
      <c r="A113" s="2" t="s">
        <v>355</v>
      </c>
      <c r="B113" s="2" t="s">
        <v>257</v>
      </c>
      <c r="C113" s="2" t="s">
        <v>399</v>
      </c>
      <c r="D113" s="2" t="s">
        <v>400</v>
      </c>
      <c r="E113" s="2" t="s">
        <v>401</v>
      </c>
      <c r="F113" s="2" t="s">
        <v>402</v>
      </c>
      <c r="G113" s="3">
        <v>1</v>
      </c>
      <c r="H113" s="2" t="s">
        <v>350</v>
      </c>
      <c r="I113" s="3">
        <v>2017</v>
      </c>
      <c r="J113" s="2" t="s">
        <v>55</v>
      </c>
      <c r="K113" s="2" t="s">
        <v>403</v>
      </c>
      <c r="L113" s="2" t="s">
        <v>404</v>
      </c>
    </row>
    <row r="114" spans="1:12" ht="15.2" customHeight="1">
      <c r="A114" s="2" t="s">
        <v>355</v>
      </c>
      <c r="B114" s="2" t="s">
        <v>262</v>
      </c>
      <c r="C114" s="2" t="s">
        <v>405</v>
      </c>
      <c r="D114" s="2" t="s">
        <v>406</v>
      </c>
      <c r="E114" s="2" t="s">
        <v>401</v>
      </c>
      <c r="F114" s="2" t="s">
        <v>407</v>
      </c>
      <c r="G114" s="3">
        <v>2</v>
      </c>
      <c r="H114" s="2" t="s">
        <v>342</v>
      </c>
      <c r="I114" s="3">
        <v>2017</v>
      </c>
      <c r="J114" s="2" t="s">
        <v>55</v>
      </c>
      <c r="K114" s="2" t="s">
        <v>403</v>
      </c>
      <c r="L114" s="2" t="s">
        <v>408</v>
      </c>
    </row>
    <row r="115" spans="1:12" ht="15.2" customHeight="1">
      <c r="A115" s="2" t="s">
        <v>355</v>
      </c>
      <c r="B115" s="2" t="s">
        <v>112</v>
      </c>
      <c r="C115" s="2"/>
      <c r="D115" s="2" t="s">
        <v>409</v>
      </c>
      <c r="E115" s="2" t="s">
        <v>130</v>
      </c>
      <c r="F115" s="2" t="s">
        <v>131</v>
      </c>
      <c r="G115" s="3">
        <v>2</v>
      </c>
      <c r="H115" s="2" t="s">
        <v>132</v>
      </c>
      <c r="I115" s="3">
        <v>2020</v>
      </c>
      <c r="J115" s="2" t="s">
        <v>19</v>
      </c>
      <c r="K115" s="2" t="s">
        <v>133</v>
      </c>
      <c r="L115" s="2" t="s">
        <v>411</v>
      </c>
    </row>
    <row r="116" spans="1:12" ht="15.2" customHeight="1">
      <c r="A116" s="2" t="s">
        <v>355</v>
      </c>
      <c r="B116" s="2" t="s">
        <v>119</v>
      </c>
      <c r="C116" s="2" t="s">
        <v>412</v>
      </c>
      <c r="D116" s="2" t="s">
        <v>413</v>
      </c>
      <c r="E116" s="2" t="s">
        <v>138</v>
      </c>
      <c r="F116" s="2" t="s">
        <v>414</v>
      </c>
      <c r="G116" s="3">
        <v>3</v>
      </c>
      <c r="H116" s="2" t="s">
        <v>132</v>
      </c>
      <c r="I116" s="3">
        <v>2017</v>
      </c>
      <c r="J116" s="2" t="s">
        <v>19</v>
      </c>
      <c r="K116" s="2" t="s">
        <v>140</v>
      </c>
      <c r="L116" s="2" t="s">
        <v>415</v>
      </c>
    </row>
    <row r="117" spans="1:12" ht="15.2" customHeight="1">
      <c r="A117" s="2" t="s">
        <v>355</v>
      </c>
      <c r="B117" s="2" t="s">
        <v>416</v>
      </c>
      <c r="C117" s="2" t="s">
        <v>344</v>
      </c>
      <c r="D117" s="2" t="s">
        <v>345</v>
      </c>
      <c r="E117" s="2" t="s">
        <v>66</v>
      </c>
      <c r="F117" s="2" t="s">
        <v>346</v>
      </c>
      <c r="G117" s="3">
        <v>4</v>
      </c>
      <c r="H117" s="2" t="s">
        <v>347</v>
      </c>
      <c r="I117" s="3">
        <v>2016</v>
      </c>
      <c r="J117" s="2" t="s">
        <v>19</v>
      </c>
      <c r="K117" s="2" t="s">
        <v>69</v>
      </c>
      <c r="L117" s="2" t="s">
        <v>348</v>
      </c>
    </row>
    <row r="118" spans="1:12" ht="15.2" customHeight="1">
      <c r="A118" s="2" t="s">
        <v>355</v>
      </c>
      <c r="B118" s="2" t="s">
        <v>417</v>
      </c>
      <c r="C118" s="2"/>
      <c r="D118" s="2" t="s">
        <v>409</v>
      </c>
      <c r="E118" s="2" t="s">
        <v>130</v>
      </c>
      <c r="F118" s="2" t="s">
        <v>410</v>
      </c>
      <c r="G118" s="3">
        <v>1</v>
      </c>
      <c r="H118" s="2" t="s">
        <v>132</v>
      </c>
      <c r="I118" s="3">
        <v>2020</v>
      </c>
      <c r="J118" s="2" t="s">
        <v>19</v>
      </c>
      <c r="K118" s="2" t="s">
        <v>133</v>
      </c>
      <c r="L118" s="2" t="s">
        <v>411</v>
      </c>
    </row>
    <row r="119" spans="1:12" ht="15.2" customHeight="1">
      <c r="A119" s="2" t="s">
        <v>355</v>
      </c>
      <c r="B119" s="2" t="s">
        <v>127</v>
      </c>
      <c r="C119" s="2" t="s">
        <v>412</v>
      </c>
      <c r="D119" s="2" t="s">
        <v>413</v>
      </c>
      <c r="E119" s="2" t="s">
        <v>138</v>
      </c>
      <c r="F119" s="2" t="s">
        <v>414</v>
      </c>
      <c r="G119" s="3">
        <v>3</v>
      </c>
      <c r="H119" s="2" t="s">
        <v>132</v>
      </c>
      <c r="I119" s="3">
        <v>2017</v>
      </c>
      <c r="J119" s="2" t="s">
        <v>19</v>
      </c>
      <c r="K119" s="2" t="s">
        <v>140</v>
      </c>
      <c r="L119" s="2" t="s">
        <v>415</v>
      </c>
    </row>
    <row r="120" spans="1:12" ht="15.2" customHeight="1">
      <c r="A120" s="2" t="s">
        <v>355</v>
      </c>
      <c r="B120" s="2" t="s">
        <v>272</v>
      </c>
      <c r="C120" s="2" t="s">
        <v>405</v>
      </c>
      <c r="D120" s="2" t="s">
        <v>406</v>
      </c>
      <c r="E120" s="2" t="s">
        <v>401</v>
      </c>
      <c r="F120" s="2" t="s">
        <v>407</v>
      </c>
      <c r="G120" s="3">
        <v>2</v>
      </c>
      <c r="H120" s="2" t="s">
        <v>342</v>
      </c>
      <c r="I120" s="3">
        <v>2017</v>
      </c>
      <c r="J120" s="2" t="s">
        <v>55</v>
      </c>
      <c r="K120" s="2" t="s">
        <v>403</v>
      </c>
      <c r="L120" s="2" t="s">
        <v>408</v>
      </c>
    </row>
    <row r="121" spans="1:12" ht="15.2" customHeight="1">
      <c r="A121" s="2" t="s">
        <v>355</v>
      </c>
      <c r="B121" s="2" t="s">
        <v>273</v>
      </c>
      <c r="C121" s="2" t="s">
        <v>399</v>
      </c>
      <c r="D121" s="2" t="s">
        <v>400</v>
      </c>
      <c r="E121" s="2" t="s">
        <v>401</v>
      </c>
      <c r="F121" s="2" t="s">
        <v>402</v>
      </c>
      <c r="G121" s="3">
        <v>1</v>
      </c>
      <c r="H121" s="2" t="s">
        <v>350</v>
      </c>
      <c r="I121" s="3">
        <v>2017</v>
      </c>
      <c r="J121" s="2" t="s">
        <v>55</v>
      </c>
      <c r="K121" s="2" t="s">
        <v>403</v>
      </c>
      <c r="L121" s="2" t="s">
        <v>404</v>
      </c>
    </row>
    <row r="122" spans="1:12" ht="15.2" customHeight="1">
      <c r="A122" s="2" t="s">
        <v>355</v>
      </c>
      <c r="B122" s="2" t="s">
        <v>142</v>
      </c>
      <c r="C122" s="2" t="s">
        <v>143</v>
      </c>
      <c r="D122" s="2" t="s">
        <v>144</v>
      </c>
      <c r="E122" s="2" t="s">
        <v>145</v>
      </c>
      <c r="F122" s="2" t="s">
        <v>144</v>
      </c>
      <c r="G122" s="3">
        <v>8</v>
      </c>
      <c r="H122" s="2" t="s">
        <v>146</v>
      </c>
      <c r="I122" s="3">
        <v>2017</v>
      </c>
      <c r="J122" s="2" t="s">
        <v>19</v>
      </c>
      <c r="K122" s="2" t="s">
        <v>147</v>
      </c>
      <c r="L122" s="2" t="s">
        <v>148</v>
      </c>
    </row>
    <row r="123" spans="1:12" ht="15.2" customHeight="1">
      <c r="A123" s="2" t="s">
        <v>355</v>
      </c>
      <c r="B123" s="2" t="s">
        <v>274</v>
      </c>
      <c r="C123" s="2" t="s">
        <v>30</v>
      </c>
      <c r="D123" s="2" t="s">
        <v>31</v>
      </c>
      <c r="E123" s="2" t="s">
        <v>32</v>
      </c>
      <c r="F123" s="2" t="s">
        <v>33</v>
      </c>
      <c r="G123" s="3">
        <v>5</v>
      </c>
      <c r="H123" s="2" t="s">
        <v>146</v>
      </c>
      <c r="I123" s="3">
        <v>2018</v>
      </c>
      <c r="J123" s="2" t="s">
        <v>19</v>
      </c>
      <c r="K123" s="2" t="s">
        <v>34</v>
      </c>
      <c r="L123" s="2" t="s">
        <v>35</v>
      </c>
    </row>
    <row r="124" spans="1:12" ht="15.2" customHeight="1">
      <c r="A124" s="2" t="s">
        <v>418</v>
      </c>
      <c r="B124" s="2" t="s">
        <v>14</v>
      </c>
      <c r="C124" s="2" t="s">
        <v>419</v>
      </c>
      <c r="D124" s="2" t="s">
        <v>420</v>
      </c>
      <c r="E124" s="2" t="s">
        <v>198</v>
      </c>
      <c r="F124" s="2" t="s">
        <v>421</v>
      </c>
      <c r="G124" s="3">
        <v>4</v>
      </c>
      <c r="H124" s="2" t="s">
        <v>132</v>
      </c>
      <c r="I124" s="3">
        <v>2019</v>
      </c>
      <c r="J124" s="2" t="s">
        <v>19</v>
      </c>
      <c r="K124" s="2" t="s">
        <v>200</v>
      </c>
      <c r="L124" s="2" t="s">
        <v>422</v>
      </c>
    </row>
    <row r="125" spans="1:12" ht="15.2" customHeight="1">
      <c r="A125" s="2" t="s">
        <v>418</v>
      </c>
      <c r="B125" s="2" t="s">
        <v>22</v>
      </c>
      <c r="C125" s="2" t="s">
        <v>423</v>
      </c>
      <c r="D125" s="2" t="s">
        <v>424</v>
      </c>
      <c r="E125" s="2" t="s">
        <v>425</v>
      </c>
      <c r="F125" s="2" t="s">
        <v>424</v>
      </c>
      <c r="G125" s="3">
        <v>1</v>
      </c>
      <c r="H125" s="2" t="s">
        <v>146</v>
      </c>
      <c r="I125" s="3">
        <v>2019</v>
      </c>
      <c r="J125" s="2" t="s">
        <v>19</v>
      </c>
      <c r="K125" s="2" t="s">
        <v>426</v>
      </c>
      <c r="L125" s="2" t="s">
        <v>427</v>
      </c>
    </row>
    <row r="126" spans="1:12" ht="15.2" customHeight="1">
      <c r="A126" s="2" t="s">
        <v>418</v>
      </c>
      <c r="B126" s="2" t="s">
        <v>29</v>
      </c>
      <c r="C126" s="2" t="s">
        <v>428</v>
      </c>
      <c r="D126" s="2" t="s">
        <v>429</v>
      </c>
      <c r="E126" s="2" t="s">
        <v>210</v>
      </c>
      <c r="F126" s="2" t="s">
        <v>430</v>
      </c>
      <c r="G126" s="3">
        <v>14</v>
      </c>
      <c r="H126" s="2" t="s">
        <v>212</v>
      </c>
      <c r="I126" s="3">
        <v>2017</v>
      </c>
      <c r="J126" s="2" t="s">
        <v>19</v>
      </c>
      <c r="K126" s="2" t="s">
        <v>213</v>
      </c>
      <c r="L126" s="2" t="s">
        <v>431</v>
      </c>
    </row>
    <row r="127" spans="1:12" ht="15.2" customHeight="1">
      <c r="A127" s="2" t="s">
        <v>418</v>
      </c>
      <c r="B127" s="2" t="s">
        <v>215</v>
      </c>
      <c r="C127" s="2" t="s">
        <v>432</v>
      </c>
      <c r="D127" s="2" t="s">
        <v>433</v>
      </c>
      <c r="E127" s="2" t="s">
        <v>66</v>
      </c>
      <c r="F127" s="2" t="s">
        <v>434</v>
      </c>
      <c r="G127" s="3">
        <v>22</v>
      </c>
      <c r="H127" s="2" t="s">
        <v>347</v>
      </c>
      <c r="I127" s="3">
        <v>2015</v>
      </c>
      <c r="J127" s="2" t="s">
        <v>19</v>
      </c>
      <c r="K127" s="2" t="s">
        <v>219</v>
      </c>
      <c r="L127" s="2" t="s">
        <v>435</v>
      </c>
    </row>
    <row r="128" spans="1:12" ht="15.2" customHeight="1">
      <c r="A128" s="2" t="s">
        <v>418</v>
      </c>
      <c r="B128" s="2" t="s">
        <v>41</v>
      </c>
      <c r="C128" s="2" t="s">
        <v>378</v>
      </c>
      <c r="D128" s="2" t="s">
        <v>379</v>
      </c>
      <c r="E128" s="2" t="s">
        <v>32</v>
      </c>
      <c r="F128" s="2" t="s">
        <v>380</v>
      </c>
      <c r="G128" s="3">
        <v>3</v>
      </c>
      <c r="H128" s="2" t="s">
        <v>132</v>
      </c>
      <c r="I128" s="3">
        <v>2019</v>
      </c>
      <c r="J128" s="2" t="s">
        <v>19</v>
      </c>
      <c r="K128" s="2" t="s">
        <v>34</v>
      </c>
      <c r="L128" s="2" t="s">
        <v>381</v>
      </c>
    </row>
    <row r="129" spans="1:12" ht="15.2" customHeight="1">
      <c r="A129" s="2" t="s">
        <v>418</v>
      </c>
      <c r="B129" s="2" t="s">
        <v>162</v>
      </c>
      <c r="C129" s="2" t="s">
        <v>37</v>
      </c>
      <c r="D129" s="2" t="s">
        <v>38</v>
      </c>
      <c r="E129" s="2" t="s">
        <v>32</v>
      </c>
      <c r="F129" s="2" t="s">
        <v>39</v>
      </c>
      <c r="G129" s="3">
        <v>6</v>
      </c>
      <c r="H129" s="2" t="s">
        <v>132</v>
      </c>
      <c r="I129" s="3">
        <v>2018</v>
      </c>
      <c r="J129" s="2" t="s">
        <v>19</v>
      </c>
      <c r="K129" s="2" t="s">
        <v>34</v>
      </c>
      <c r="L129" s="2" t="s">
        <v>40</v>
      </c>
    </row>
    <row r="130" spans="1:12" ht="15.2" customHeight="1">
      <c r="A130" s="2" t="s">
        <v>418</v>
      </c>
      <c r="B130" s="2" t="s">
        <v>163</v>
      </c>
      <c r="C130" s="2" t="s">
        <v>436</v>
      </c>
      <c r="D130" s="2" t="s">
        <v>437</v>
      </c>
      <c r="E130" s="2" t="s">
        <v>108</v>
      </c>
      <c r="F130" s="2" t="s">
        <v>438</v>
      </c>
      <c r="G130" s="3">
        <v>3</v>
      </c>
      <c r="H130" s="2" t="s">
        <v>132</v>
      </c>
      <c r="I130" s="3">
        <v>2019</v>
      </c>
      <c r="J130" s="2" t="s">
        <v>19</v>
      </c>
      <c r="K130" s="2" t="s">
        <v>110</v>
      </c>
      <c r="L130" s="2" t="s">
        <v>439</v>
      </c>
    </row>
    <row r="131" spans="1:12" ht="15.2" customHeight="1">
      <c r="A131" s="2" t="s">
        <v>418</v>
      </c>
      <c r="B131" s="2" t="s">
        <v>63</v>
      </c>
      <c r="C131" s="2" t="s">
        <v>440</v>
      </c>
      <c r="D131" s="2" t="s">
        <v>441</v>
      </c>
      <c r="E131" s="2" t="s">
        <v>108</v>
      </c>
      <c r="F131" s="2" t="s">
        <v>442</v>
      </c>
      <c r="G131" s="3">
        <v>4</v>
      </c>
      <c r="H131" s="2" t="s">
        <v>132</v>
      </c>
      <c r="I131" s="3">
        <v>2019</v>
      </c>
      <c r="J131" s="2" t="s">
        <v>19</v>
      </c>
      <c r="K131" s="2" t="s">
        <v>110</v>
      </c>
      <c r="L131" s="2" t="s">
        <v>443</v>
      </c>
    </row>
    <row r="132" spans="1:12" ht="15.2" customHeight="1">
      <c r="A132" s="2" t="s">
        <v>418</v>
      </c>
      <c r="B132" s="2" t="s">
        <v>168</v>
      </c>
      <c r="C132" s="2" t="s">
        <v>444</v>
      </c>
      <c r="D132" s="2" t="s">
        <v>445</v>
      </c>
      <c r="E132" s="2" t="s">
        <v>446</v>
      </c>
      <c r="F132" s="2" t="s">
        <v>447</v>
      </c>
      <c r="G132" s="3">
        <v>1</v>
      </c>
      <c r="H132" s="2" t="s">
        <v>146</v>
      </c>
      <c r="I132" s="3">
        <v>2019</v>
      </c>
      <c r="J132" s="2" t="s">
        <v>19</v>
      </c>
      <c r="K132" s="2" t="s">
        <v>448</v>
      </c>
      <c r="L132" s="2" t="s">
        <v>449</v>
      </c>
    </row>
    <row r="133" spans="1:12" ht="15.2" customHeight="1">
      <c r="A133" s="2" t="s">
        <v>418</v>
      </c>
      <c r="B133" s="2" t="s">
        <v>314</v>
      </c>
      <c r="C133" s="2" t="s">
        <v>450</v>
      </c>
      <c r="D133" s="2" t="s">
        <v>451</v>
      </c>
      <c r="E133" s="2" t="s">
        <v>446</v>
      </c>
      <c r="F133" s="2" t="s">
        <v>452</v>
      </c>
      <c r="G133" s="3">
        <v>2</v>
      </c>
      <c r="H133" s="2" t="s">
        <v>132</v>
      </c>
      <c r="I133" s="3">
        <v>2019</v>
      </c>
      <c r="J133" s="2" t="s">
        <v>19</v>
      </c>
      <c r="K133" s="2" t="s">
        <v>448</v>
      </c>
      <c r="L133" s="2" t="s">
        <v>453</v>
      </c>
    </row>
    <row r="134" spans="1:12" ht="15.2" customHeight="1">
      <c r="A134" s="2" t="s">
        <v>418</v>
      </c>
      <c r="B134" s="2" t="s">
        <v>248</v>
      </c>
      <c r="C134" s="2" t="s">
        <v>454</v>
      </c>
      <c r="D134" s="2" t="s">
        <v>455</v>
      </c>
      <c r="E134" s="2" t="s">
        <v>456</v>
      </c>
      <c r="F134" s="2" t="s">
        <v>456</v>
      </c>
      <c r="G134" s="3">
        <v>1</v>
      </c>
      <c r="H134" s="2" t="s">
        <v>324</v>
      </c>
      <c r="I134" s="3">
        <v>2017</v>
      </c>
      <c r="J134" s="2" t="s">
        <v>254</v>
      </c>
      <c r="K134" s="2" t="s">
        <v>457</v>
      </c>
      <c r="L134" s="2" t="s">
        <v>458</v>
      </c>
    </row>
    <row r="135" spans="1:12" ht="15.2" customHeight="1">
      <c r="A135" s="2" t="s">
        <v>418</v>
      </c>
      <c r="B135" s="2" t="s">
        <v>99</v>
      </c>
      <c r="C135" s="2" t="s">
        <v>459</v>
      </c>
      <c r="D135" s="2" t="s">
        <v>460</v>
      </c>
      <c r="E135" s="2" t="s">
        <v>461</v>
      </c>
      <c r="F135" s="2" t="s">
        <v>462</v>
      </c>
      <c r="G135" s="3">
        <v>1</v>
      </c>
      <c r="H135" s="2" t="s">
        <v>132</v>
      </c>
      <c r="I135" s="3">
        <v>2018</v>
      </c>
      <c r="J135" s="2" t="s">
        <v>19</v>
      </c>
      <c r="K135" s="2" t="s">
        <v>463</v>
      </c>
      <c r="L135" s="2" t="s">
        <v>464</v>
      </c>
    </row>
    <row r="136" spans="1:12" ht="15.2" customHeight="1">
      <c r="A136" s="2" t="s">
        <v>418</v>
      </c>
      <c r="B136" s="2" t="s">
        <v>257</v>
      </c>
      <c r="C136" s="2" t="s">
        <v>465</v>
      </c>
      <c r="D136" s="2" t="s">
        <v>466</v>
      </c>
      <c r="E136" s="2" t="s">
        <v>90</v>
      </c>
      <c r="F136" s="2" t="s">
        <v>467</v>
      </c>
      <c r="G136" s="3">
        <v>1</v>
      </c>
      <c r="H136" s="2" t="s">
        <v>468</v>
      </c>
      <c r="I136" s="3">
        <v>2016</v>
      </c>
      <c r="J136" s="2" t="s">
        <v>55</v>
      </c>
      <c r="K136" s="2" t="s">
        <v>469</v>
      </c>
      <c r="L136" s="2" t="s">
        <v>470</v>
      </c>
    </row>
    <row r="137" spans="1:12" ht="15.2" customHeight="1">
      <c r="A137" s="2" t="s">
        <v>418</v>
      </c>
      <c r="B137" s="2" t="s">
        <v>471</v>
      </c>
      <c r="C137" s="2" t="s">
        <v>472</v>
      </c>
      <c r="D137" s="2" t="s">
        <v>473</v>
      </c>
      <c r="E137" s="2" t="s">
        <v>90</v>
      </c>
      <c r="F137" s="2" t="s">
        <v>474</v>
      </c>
      <c r="G137" s="3">
        <v>2</v>
      </c>
      <c r="H137" s="2" t="s">
        <v>354</v>
      </c>
      <c r="I137" s="3">
        <v>2016</v>
      </c>
      <c r="J137" s="2" t="s">
        <v>55</v>
      </c>
      <c r="K137" s="2" t="s">
        <v>469</v>
      </c>
      <c r="L137" s="2" t="s">
        <v>475</v>
      </c>
    </row>
    <row r="138" spans="1:12" ht="15.2" customHeight="1">
      <c r="A138" s="2" t="s">
        <v>418</v>
      </c>
      <c r="B138" s="2" t="s">
        <v>262</v>
      </c>
      <c r="C138" s="2" t="s">
        <v>476</v>
      </c>
      <c r="D138" s="2" t="s">
        <v>477</v>
      </c>
      <c r="E138" s="2" t="s">
        <v>90</v>
      </c>
      <c r="F138" s="2" t="s">
        <v>478</v>
      </c>
      <c r="G138" s="3">
        <v>3</v>
      </c>
      <c r="H138" s="2" t="s">
        <v>354</v>
      </c>
      <c r="I138" s="3">
        <v>2016</v>
      </c>
      <c r="J138" s="2" t="s">
        <v>55</v>
      </c>
      <c r="K138" s="2" t="s">
        <v>469</v>
      </c>
      <c r="L138" s="2" t="s">
        <v>479</v>
      </c>
    </row>
    <row r="139" spans="1:12" ht="15.2" customHeight="1">
      <c r="A139" s="2" t="s">
        <v>418</v>
      </c>
      <c r="B139" s="2" t="s">
        <v>480</v>
      </c>
      <c r="C139" s="2" t="s">
        <v>481</v>
      </c>
      <c r="D139" s="2" t="s">
        <v>482</v>
      </c>
      <c r="E139" s="2" t="s">
        <v>90</v>
      </c>
      <c r="F139" s="2" t="s">
        <v>483</v>
      </c>
      <c r="G139" s="3">
        <v>4</v>
      </c>
      <c r="H139" s="2" t="s">
        <v>354</v>
      </c>
      <c r="I139" s="3">
        <v>2016</v>
      </c>
      <c r="J139" s="2" t="s">
        <v>55</v>
      </c>
      <c r="K139" s="2" t="s">
        <v>469</v>
      </c>
      <c r="L139" s="2" t="s">
        <v>484</v>
      </c>
    </row>
    <row r="140" spans="1:12" ht="15.2" customHeight="1">
      <c r="A140" s="2" t="s">
        <v>418</v>
      </c>
      <c r="B140" s="2" t="s">
        <v>112</v>
      </c>
      <c r="C140" s="2" t="s">
        <v>485</v>
      </c>
      <c r="D140" s="2" t="s">
        <v>486</v>
      </c>
      <c r="E140" s="2" t="s">
        <v>82</v>
      </c>
      <c r="F140" s="2" t="s">
        <v>487</v>
      </c>
      <c r="G140" s="3">
        <v>1</v>
      </c>
      <c r="H140" s="2" t="s">
        <v>342</v>
      </c>
      <c r="I140" s="3">
        <v>2018</v>
      </c>
      <c r="J140" s="2" t="s">
        <v>84</v>
      </c>
      <c r="K140" s="2" t="s">
        <v>85</v>
      </c>
      <c r="L140" s="2" t="s">
        <v>488</v>
      </c>
    </row>
    <row r="141" spans="1:12" ht="15.2" customHeight="1">
      <c r="A141" s="2" t="s">
        <v>418</v>
      </c>
      <c r="B141" s="2" t="s">
        <v>119</v>
      </c>
      <c r="C141" s="2" t="s">
        <v>489</v>
      </c>
      <c r="D141" s="2" t="s">
        <v>490</v>
      </c>
      <c r="E141" s="2" t="s">
        <v>90</v>
      </c>
      <c r="F141" s="2" t="s">
        <v>491</v>
      </c>
      <c r="G141" s="3">
        <v>5</v>
      </c>
      <c r="H141" s="2" t="s">
        <v>352</v>
      </c>
      <c r="I141" s="3">
        <v>2014</v>
      </c>
      <c r="J141" s="2" t="s">
        <v>55</v>
      </c>
      <c r="K141" s="2" t="s">
        <v>92</v>
      </c>
      <c r="L141" s="2" t="s">
        <v>492</v>
      </c>
    </row>
    <row r="142" spans="1:12" ht="15.2" customHeight="1">
      <c r="A142" s="2" t="s">
        <v>418</v>
      </c>
      <c r="B142" s="2" t="s">
        <v>493</v>
      </c>
      <c r="C142" s="2" t="s">
        <v>494</v>
      </c>
      <c r="D142" s="2" t="s">
        <v>495</v>
      </c>
      <c r="E142" s="2" t="s">
        <v>90</v>
      </c>
      <c r="F142" s="2" t="s">
        <v>496</v>
      </c>
      <c r="G142" s="3">
        <v>6</v>
      </c>
      <c r="H142" s="2" t="s">
        <v>352</v>
      </c>
      <c r="I142" s="3">
        <v>2014</v>
      </c>
      <c r="J142" s="2" t="s">
        <v>55</v>
      </c>
      <c r="K142" s="2" t="s">
        <v>92</v>
      </c>
      <c r="L142" s="2" t="s">
        <v>497</v>
      </c>
    </row>
    <row r="143" spans="1:12" ht="15.2" customHeight="1">
      <c r="A143" s="2" t="s">
        <v>418</v>
      </c>
      <c r="B143" s="2" t="s">
        <v>416</v>
      </c>
      <c r="C143" s="2"/>
      <c r="D143" s="2" t="s">
        <v>263</v>
      </c>
      <c r="E143" s="2" t="s">
        <v>16</v>
      </c>
      <c r="F143" s="2" t="s">
        <v>264</v>
      </c>
      <c r="G143" s="3">
        <v>2</v>
      </c>
      <c r="H143" s="2" t="s">
        <v>132</v>
      </c>
      <c r="I143" s="3">
        <v>2019</v>
      </c>
      <c r="J143" s="2" t="s">
        <v>19</v>
      </c>
      <c r="K143" s="2" t="s">
        <v>20</v>
      </c>
      <c r="L143" s="2" t="s">
        <v>265</v>
      </c>
    </row>
    <row r="144" spans="1:12" ht="15.2" customHeight="1">
      <c r="A144" s="2" t="s">
        <v>418</v>
      </c>
      <c r="B144" s="2" t="s">
        <v>125</v>
      </c>
      <c r="C144" s="2" t="s">
        <v>266</v>
      </c>
      <c r="D144" s="2" t="s">
        <v>267</v>
      </c>
      <c r="E144" s="2" t="s">
        <v>16</v>
      </c>
      <c r="F144" s="2" t="s">
        <v>268</v>
      </c>
      <c r="G144" s="3">
        <v>3</v>
      </c>
      <c r="H144" s="2" t="s">
        <v>132</v>
      </c>
      <c r="I144" s="3">
        <v>2018</v>
      </c>
      <c r="J144" s="2" t="s">
        <v>19</v>
      </c>
      <c r="K144" s="2" t="s">
        <v>269</v>
      </c>
      <c r="L144" s="2" t="s">
        <v>270</v>
      </c>
    </row>
    <row r="145" spans="1:12" ht="15.2" customHeight="1">
      <c r="A145" s="2" t="s">
        <v>418</v>
      </c>
      <c r="B145" s="2" t="s">
        <v>126</v>
      </c>
      <c r="C145" s="2" t="s">
        <v>485</v>
      </c>
      <c r="D145" s="2" t="s">
        <v>486</v>
      </c>
      <c r="E145" s="2" t="s">
        <v>82</v>
      </c>
      <c r="F145" s="2" t="s">
        <v>487</v>
      </c>
      <c r="G145" s="3">
        <v>1</v>
      </c>
      <c r="H145" s="2" t="s">
        <v>342</v>
      </c>
      <c r="I145" s="3">
        <v>2018</v>
      </c>
      <c r="J145" s="2" t="s">
        <v>84</v>
      </c>
      <c r="K145" s="2" t="s">
        <v>85</v>
      </c>
      <c r="L145" s="2" t="s">
        <v>488</v>
      </c>
    </row>
    <row r="146" spans="1:12" ht="15.2" customHeight="1">
      <c r="A146" s="2" t="s">
        <v>418</v>
      </c>
      <c r="B146" s="2" t="s">
        <v>271</v>
      </c>
      <c r="C146" s="2" t="s">
        <v>489</v>
      </c>
      <c r="D146" s="2" t="s">
        <v>490</v>
      </c>
      <c r="E146" s="2" t="s">
        <v>90</v>
      </c>
      <c r="F146" s="2" t="s">
        <v>491</v>
      </c>
      <c r="G146" s="3">
        <v>5</v>
      </c>
      <c r="H146" s="2" t="s">
        <v>352</v>
      </c>
      <c r="I146" s="3">
        <v>2014</v>
      </c>
      <c r="J146" s="2" t="s">
        <v>55</v>
      </c>
      <c r="K146" s="2" t="s">
        <v>92</v>
      </c>
      <c r="L146" s="2" t="s">
        <v>492</v>
      </c>
    </row>
    <row r="147" spans="1:12" ht="15.2" customHeight="1">
      <c r="A147" s="2" t="s">
        <v>418</v>
      </c>
      <c r="B147" s="2" t="s">
        <v>498</v>
      </c>
      <c r="C147" s="2" t="s">
        <v>494</v>
      </c>
      <c r="D147" s="2" t="s">
        <v>495</v>
      </c>
      <c r="E147" s="2" t="s">
        <v>90</v>
      </c>
      <c r="F147" s="2" t="s">
        <v>496</v>
      </c>
      <c r="G147" s="3">
        <v>6</v>
      </c>
      <c r="H147" s="2" t="s">
        <v>352</v>
      </c>
      <c r="I147" s="3">
        <v>2014</v>
      </c>
      <c r="J147" s="2" t="s">
        <v>55</v>
      </c>
      <c r="K147" s="2" t="s">
        <v>92</v>
      </c>
      <c r="L147" s="2" t="s">
        <v>497</v>
      </c>
    </row>
    <row r="148" spans="1:12" ht="15.2" customHeight="1">
      <c r="A148" s="2" t="s">
        <v>418</v>
      </c>
      <c r="B148" s="2" t="s">
        <v>272</v>
      </c>
      <c r="C148" s="2" t="s">
        <v>476</v>
      </c>
      <c r="D148" s="2" t="s">
        <v>477</v>
      </c>
      <c r="E148" s="2" t="s">
        <v>90</v>
      </c>
      <c r="F148" s="2" t="s">
        <v>478</v>
      </c>
      <c r="G148" s="3">
        <v>3</v>
      </c>
      <c r="H148" s="2" t="s">
        <v>354</v>
      </c>
      <c r="I148" s="3">
        <v>2016</v>
      </c>
      <c r="J148" s="2" t="s">
        <v>55</v>
      </c>
      <c r="K148" s="2" t="s">
        <v>469</v>
      </c>
      <c r="L148" s="2" t="s">
        <v>479</v>
      </c>
    </row>
    <row r="149" spans="1:12" ht="15.2" customHeight="1">
      <c r="A149" s="2" t="s">
        <v>418</v>
      </c>
      <c r="B149" s="2" t="s">
        <v>499</v>
      </c>
      <c r="C149" s="2" t="s">
        <v>481</v>
      </c>
      <c r="D149" s="2" t="s">
        <v>482</v>
      </c>
      <c r="E149" s="2" t="s">
        <v>90</v>
      </c>
      <c r="F149" s="2" t="s">
        <v>483</v>
      </c>
      <c r="G149" s="3">
        <v>4</v>
      </c>
      <c r="H149" s="2" t="s">
        <v>354</v>
      </c>
      <c r="I149" s="3">
        <v>2016</v>
      </c>
      <c r="J149" s="2" t="s">
        <v>55</v>
      </c>
      <c r="K149" s="2" t="s">
        <v>469</v>
      </c>
      <c r="L149" s="2" t="s">
        <v>484</v>
      </c>
    </row>
    <row r="150" spans="1:12" ht="15.2" customHeight="1">
      <c r="A150" s="2" t="s">
        <v>418</v>
      </c>
      <c r="B150" s="2" t="s">
        <v>273</v>
      </c>
      <c r="C150" s="2" t="s">
        <v>465</v>
      </c>
      <c r="D150" s="2" t="s">
        <v>466</v>
      </c>
      <c r="E150" s="2" t="s">
        <v>90</v>
      </c>
      <c r="F150" s="2" t="s">
        <v>467</v>
      </c>
      <c r="G150" s="3">
        <v>1</v>
      </c>
      <c r="H150" s="2" t="s">
        <v>468</v>
      </c>
      <c r="I150" s="3">
        <v>2016</v>
      </c>
      <c r="J150" s="2" t="s">
        <v>55</v>
      </c>
      <c r="K150" s="2" t="s">
        <v>469</v>
      </c>
      <c r="L150" s="2" t="s">
        <v>470</v>
      </c>
    </row>
    <row r="151" spans="1:12" ht="15.2" customHeight="1">
      <c r="A151" s="2" t="s">
        <v>418</v>
      </c>
      <c r="B151" s="2" t="s">
        <v>500</v>
      </c>
      <c r="C151" s="2" t="s">
        <v>472</v>
      </c>
      <c r="D151" s="2" t="s">
        <v>473</v>
      </c>
      <c r="E151" s="2" t="s">
        <v>90</v>
      </c>
      <c r="F151" s="2" t="s">
        <v>474</v>
      </c>
      <c r="G151" s="3">
        <v>2</v>
      </c>
      <c r="H151" s="2" t="s">
        <v>354</v>
      </c>
      <c r="I151" s="3">
        <v>2016</v>
      </c>
      <c r="J151" s="2" t="s">
        <v>55</v>
      </c>
      <c r="K151" s="2" t="s">
        <v>469</v>
      </c>
      <c r="L151" s="2" t="s">
        <v>475</v>
      </c>
    </row>
    <row r="152" spans="1:12" ht="15.2" customHeight="1">
      <c r="A152" s="2" t="s">
        <v>418</v>
      </c>
      <c r="B152" s="2" t="s">
        <v>142</v>
      </c>
      <c r="C152" s="2" t="s">
        <v>378</v>
      </c>
      <c r="D152" s="2" t="s">
        <v>379</v>
      </c>
      <c r="E152" s="2" t="s">
        <v>32</v>
      </c>
      <c r="F152" s="2" t="s">
        <v>380</v>
      </c>
      <c r="G152" s="3">
        <v>3</v>
      </c>
      <c r="H152" s="2" t="s">
        <v>132</v>
      </c>
      <c r="I152" s="3">
        <v>2019</v>
      </c>
      <c r="J152" s="2" t="s">
        <v>19</v>
      </c>
      <c r="K152" s="2" t="s">
        <v>34</v>
      </c>
      <c r="L152" s="2" t="s">
        <v>381</v>
      </c>
    </row>
    <row r="153" spans="1:12" ht="15.2" customHeight="1">
      <c r="A153" s="2" t="s">
        <v>418</v>
      </c>
      <c r="B153" s="2" t="s">
        <v>274</v>
      </c>
      <c r="C153" s="2" t="s">
        <v>37</v>
      </c>
      <c r="D153" s="2" t="s">
        <v>38</v>
      </c>
      <c r="E153" s="2" t="s">
        <v>32</v>
      </c>
      <c r="F153" s="2" t="s">
        <v>39</v>
      </c>
      <c r="G153" s="3">
        <v>6</v>
      </c>
      <c r="H153" s="2" t="s">
        <v>132</v>
      </c>
      <c r="I153" s="3">
        <v>2018</v>
      </c>
      <c r="J153" s="2" t="s">
        <v>19</v>
      </c>
      <c r="K153" s="2" t="s">
        <v>34</v>
      </c>
      <c r="L153" s="2" t="s">
        <v>40</v>
      </c>
    </row>
    <row r="154" spans="1:12" ht="15.2" customHeight="1">
      <c r="A154" s="2" t="s">
        <v>501</v>
      </c>
      <c r="B154" s="2" t="s">
        <v>14</v>
      </c>
      <c r="C154" s="2" t="s">
        <v>23</v>
      </c>
      <c r="D154" s="2" t="s">
        <v>24</v>
      </c>
      <c r="E154" s="2" t="s">
        <v>25</v>
      </c>
      <c r="F154" s="2" t="s">
        <v>26</v>
      </c>
      <c r="G154" s="3">
        <v>1</v>
      </c>
      <c r="H154" s="2" t="s">
        <v>132</v>
      </c>
      <c r="I154" s="3">
        <v>2017</v>
      </c>
      <c r="J154" s="2" t="s">
        <v>19</v>
      </c>
      <c r="K154" s="2" t="s">
        <v>27</v>
      </c>
      <c r="L154" s="2" t="s">
        <v>28</v>
      </c>
    </row>
    <row r="155" spans="1:12" ht="15.2" customHeight="1">
      <c r="A155" s="2" t="s">
        <v>501</v>
      </c>
      <c r="B155" s="2" t="s">
        <v>22</v>
      </c>
      <c r="C155" s="2" t="s">
        <v>502</v>
      </c>
      <c r="D155" s="2" t="s">
        <v>503</v>
      </c>
      <c r="E155" s="2" t="s">
        <v>153</v>
      </c>
      <c r="F155" s="2" t="s">
        <v>504</v>
      </c>
      <c r="G155" s="3">
        <v>1</v>
      </c>
      <c r="H155" s="2" t="s">
        <v>132</v>
      </c>
      <c r="I155" s="3">
        <v>2010</v>
      </c>
      <c r="J155" s="2" t="s">
        <v>19</v>
      </c>
      <c r="K155" s="2" t="s">
        <v>155</v>
      </c>
      <c r="L155" s="2" t="s">
        <v>505</v>
      </c>
    </row>
    <row r="156" spans="1:12" ht="15.2" customHeight="1">
      <c r="A156" s="2" t="s">
        <v>501</v>
      </c>
      <c r="B156" s="2" t="s">
        <v>29</v>
      </c>
      <c r="C156" s="2" t="s">
        <v>506</v>
      </c>
      <c r="D156" s="2" t="s">
        <v>507</v>
      </c>
      <c r="E156" s="2" t="s">
        <v>210</v>
      </c>
      <c r="F156" s="2" t="s">
        <v>508</v>
      </c>
      <c r="G156" s="3">
        <v>15</v>
      </c>
      <c r="H156" s="2" t="s">
        <v>354</v>
      </c>
      <c r="I156" s="3">
        <v>2017</v>
      </c>
      <c r="J156" s="2" t="s">
        <v>19</v>
      </c>
      <c r="K156" s="2" t="s">
        <v>213</v>
      </c>
      <c r="L156" s="2" t="s">
        <v>509</v>
      </c>
    </row>
    <row r="157" spans="1:12" ht="15.2" customHeight="1">
      <c r="A157" s="2" t="s">
        <v>501</v>
      </c>
      <c r="B157" s="2" t="s">
        <v>215</v>
      </c>
      <c r="C157" s="2" t="s">
        <v>510</v>
      </c>
      <c r="D157" s="2" t="s">
        <v>511</v>
      </c>
      <c r="E157" s="2" t="s">
        <v>66</v>
      </c>
      <c r="F157" s="2" t="s">
        <v>512</v>
      </c>
      <c r="G157" s="3">
        <v>23</v>
      </c>
      <c r="H157" s="2" t="s">
        <v>46</v>
      </c>
      <c r="I157" s="3">
        <v>2015</v>
      </c>
      <c r="J157" s="2" t="s">
        <v>19</v>
      </c>
      <c r="K157" s="2" t="s">
        <v>219</v>
      </c>
      <c r="L157" s="2" t="s">
        <v>513</v>
      </c>
    </row>
    <row r="158" spans="1:12" ht="15.2" customHeight="1">
      <c r="A158" s="2" t="s">
        <v>501</v>
      </c>
      <c r="B158" s="2" t="s">
        <v>41</v>
      </c>
      <c r="C158" s="2" t="s">
        <v>514</v>
      </c>
      <c r="D158" s="2" t="s">
        <v>515</v>
      </c>
      <c r="E158" s="2" t="s">
        <v>32</v>
      </c>
      <c r="F158" s="2" t="s">
        <v>516</v>
      </c>
      <c r="G158" s="3">
        <v>4</v>
      </c>
      <c r="H158" s="2" t="s">
        <v>132</v>
      </c>
      <c r="I158" s="3">
        <v>2019</v>
      </c>
      <c r="J158" s="2" t="s">
        <v>19</v>
      </c>
      <c r="K158" s="2" t="s">
        <v>34</v>
      </c>
      <c r="L158" s="2" t="s">
        <v>517</v>
      </c>
    </row>
    <row r="159" spans="1:12" ht="15.2" customHeight="1">
      <c r="A159" s="2" t="s">
        <v>501</v>
      </c>
      <c r="B159" s="2" t="s">
        <v>162</v>
      </c>
      <c r="C159" s="2" t="s">
        <v>374</v>
      </c>
      <c r="D159" s="2" t="s">
        <v>375</v>
      </c>
      <c r="E159" s="2" t="s">
        <v>32</v>
      </c>
      <c r="F159" s="2" t="s">
        <v>376</v>
      </c>
      <c r="G159" s="3">
        <v>1</v>
      </c>
      <c r="H159" s="2" t="s">
        <v>132</v>
      </c>
      <c r="I159" s="3">
        <v>2019</v>
      </c>
      <c r="J159" s="2" t="s">
        <v>19</v>
      </c>
      <c r="K159" s="2" t="s">
        <v>34</v>
      </c>
      <c r="L159" s="2" t="s">
        <v>377</v>
      </c>
    </row>
    <row r="160" spans="1:12" ht="15.2" customHeight="1">
      <c r="A160" s="2" t="s">
        <v>501</v>
      </c>
      <c r="B160" s="2" t="s">
        <v>163</v>
      </c>
      <c r="C160" s="2" t="s">
        <v>518</v>
      </c>
      <c r="D160" s="2" t="s">
        <v>519</v>
      </c>
      <c r="E160" s="2" t="s">
        <v>172</v>
      </c>
      <c r="F160" s="2" t="s">
        <v>520</v>
      </c>
      <c r="G160" s="3">
        <v>3</v>
      </c>
      <c r="H160" s="2" t="s">
        <v>146</v>
      </c>
      <c r="I160" s="3">
        <v>2018</v>
      </c>
      <c r="J160" s="2" t="s">
        <v>19</v>
      </c>
      <c r="K160" s="2" t="s">
        <v>174</v>
      </c>
      <c r="L160" s="2" t="s">
        <v>521</v>
      </c>
    </row>
    <row r="161" spans="1:12" ht="15.2" customHeight="1">
      <c r="A161" s="2" t="s">
        <v>501</v>
      </c>
      <c r="B161" s="2" t="s">
        <v>63</v>
      </c>
      <c r="C161" s="2" t="s">
        <v>522</v>
      </c>
      <c r="D161" s="2" t="s">
        <v>523</v>
      </c>
      <c r="E161" s="2" t="s">
        <v>333</v>
      </c>
      <c r="F161" s="2" t="s">
        <v>524</v>
      </c>
      <c r="G161" s="3">
        <v>3</v>
      </c>
      <c r="H161" s="2" t="s">
        <v>335</v>
      </c>
      <c r="I161" s="3">
        <v>2013</v>
      </c>
      <c r="J161" s="2" t="s">
        <v>336</v>
      </c>
      <c r="K161" s="2" t="s">
        <v>337</v>
      </c>
      <c r="L161" s="2" t="s">
        <v>525</v>
      </c>
    </row>
    <row r="162" spans="1:12" ht="15.2" customHeight="1">
      <c r="A162" s="2" t="s">
        <v>501</v>
      </c>
      <c r="B162" s="2" t="s">
        <v>168</v>
      </c>
      <c r="C162" s="2" t="s">
        <v>526</v>
      </c>
      <c r="D162" s="2" t="s">
        <v>527</v>
      </c>
      <c r="E162" s="2" t="s">
        <v>401</v>
      </c>
      <c r="F162" s="2" t="s">
        <v>528</v>
      </c>
      <c r="G162" s="3">
        <v>3</v>
      </c>
      <c r="H162" s="2" t="s">
        <v>350</v>
      </c>
      <c r="I162" s="3">
        <v>2017</v>
      </c>
      <c r="J162" s="2" t="s">
        <v>55</v>
      </c>
      <c r="K162" s="2" t="s">
        <v>403</v>
      </c>
      <c r="L162" s="2" t="s">
        <v>529</v>
      </c>
    </row>
    <row r="163" spans="1:12" ht="15.2" customHeight="1">
      <c r="A163" s="2" t="s">
        <v>501</v>
      </c>
      <c r="B163" s="2" t="s">
        <v>314</v>
      </c>
      <c r="C163" s="2" t="s">
        <v>530</v>
      </c>
      <c r="D163" s="2" t="s">
        <v>531</v>
      </c>
      <c r="E163" s="2" t="s">
        <v>90</v>
      </c>
      <c r="F163" s="2" t="s">
        <v>532</v>
      </c>
      <c r="G163" s="3">
        <v>5</v>
      </c>
      <c r="H163" s="2" t="s">
        <v>354</v>
      </c>
      <c r="I163" s="3">
        <v>2016</v>
      </c>
      <c r="J163" s="2" t="s">
        <v>55</v>
      </c>
      <c r="K163" s="2" t="s">
        <v>469</v>
      </c>
      <c r="L163" s="2" t="s">
        <v>533</v>
      </c>
    </row>
    <row r="164" spans="1:12" ht="15.2" customHeight="1">
      <c r="A164" s="2" t="s">
        <v>501</v>
      </c>
      <c r="B164" s="2" t="s">
        <v>534</v>
      </c>
      <c r="C164" s="2" t="s">
        <v>535</v>
      </c>
      <c r="D164" s="2" t="s">
        <v>536</v>
      </c>
      <c r="E164" s="2" t="s">
        <v>90</v>
      </c>
      <c r="F164" s="2" t="s">
        <v>537</v>
      </c>
      <c r="G164" s="3">
        <v>6</v>
      </c>
      <c r="H164" s="2" t="s">
        <v>468</v>
      </c>
      <c r="I164" s="3">
        <v>2016</v>
      </c>
      <c r="J164" s="2" t="s">
        <v>55</v>
      </c>
      <c r="K164" s="2" t="s">
        <v>469</v>
      </c>
      <c r="L164" s="2" t="s">
        <v>538</v>
      </c>
    </row>
    <row r="165" spans="1:12" ht="15.2" customHeight="1">
      <c r="A165" s="2" t="s">
        <v>501</v>
      </c>
      <c r="B165" s="2" t="s">
        <v>248</v>
      </c>
      <c r="C165" s="2" t="s">
        <v>164</v>
      </c>
      <c r="D165" s="2" t="s">
        <v>165</v>
      </c>
      <c r="E165" s="2" t="s">
        <v>108</v>
      </c>
      <c r="F165" s="2" t="s">
        <v>166</v>
      </c>
      <c r="G165" s="3">
        <v>1</v>
      </c>
      <c r="H165" s="2" t="s">
        <v>132</v>
      </c>
      <c r="I165" s="3">
        <v>2019</v>
      </c>
      <c r="J165" s="2" t="s">
        <v>19</v>
      </c>
      <c r="K165" s="2" t="s">
        <v>110</v>
      </c>
      <c r="L165" s="2" t="s">
        <v>167</v>
      </c>
    </row>
    <row r="166" spans="1:12" ht="15.2" customHeight="1">
      <c r="A166" s="2" t="s">
        <v>501</v>
      </c>
      <c r="B166" s="2" t="s">
        <v>99</v>
      </c>
      <c r="C166" s="2" t="s">
        <v>436</v>
      </c>
      <c r="D166" s="2" t="s">
        <v>437</v>
      </c>
      <c r="E166" s="2" t="s">
        <v>108</v>
      </c>
      <c r="F166" s="2" t="s">
        <v>438</v>
      </c>
      <c r="G166" s="3">
        <v>3</v>
      </c>
      <c r="H166" s="2" t="s">
        <v>132</v>
      </c>
      <c r="I166" s="3">
        <v>2019</v>
      </c>
      <c r="J166" s="2" t="s">
        <v>19</v>
      </c>
      <c r="K166" s="2" t="s">
        <v>110</v>
      </c>
      <c r="L166" s="2" t="s">
        <v>439</v>
      </c>
    </row>
    <row r="167" spans="1:12" ht="15.2" customHeight="1">
      <c r="A167" s="2" t="s">
        <v>501</v>
      </c>
      <c r="B167" s="2" t="s">
        <v>257</v>
      </c>
      <c r="C167" s="2" t="s">
        <v>539</v>
      </c>
      <c r="D167" s="2" t="s">
        <v>540</v>
      </c>
      <c r="E167" s="2" t="s">
        <v>90</v>
      </c>
      <c r="F167" s="2" t="s">
        <v>541</v>
      </c>
      <c r="G167" s="3">
        <v>11</v>
      </c>
      <c r="H167" s="2" t="s">
        <v>468</v>
      </c>
      <c r="I167" s="3">
        <v>2016</v>
      </c>
      <c r="J167" s="2" t="s">
        <v>55</v>
      </c>
      <c r="K167" s="2" t="s">
        <v>469</v>
      </c>
      <c r="L167" s="2" t="s">
        <v>542</v>
      </c>
    </row>
    <row r="168" spans="1:12" ht="15.2" customHeight="1">
      <c r="A168" s="2" t="s">
        <v>501</v>
      </c>
      <c r="B168" s="2" t="s">
        <v>471</v>
      </c>
      <c r="C168" s="2" t="s">
        <v>543</v>
      </c>
      <c r="D168" s="2" t="s">
        <v>544</v>
      </c>
      <c r="E168" s="2" t="s">
        <v>90</v>
      </c>
      <c r="F168" s="2" t="s">
        <v>545</v>
      </c>
      <c r="G168" s="3">
        <v>12</v>
      </c>
      <c r="H168" s="2" t="s">
        <v>352</v>
      </c>
      <c r="I168" s="3">
        <v>2016</v>
      </c>
      <c r="J168" s="2" t="s">
        <v>55</v>
      </c>
      <c r="K168" s="2" t="s">
        <v>469</v>
      </c>
      <c r="L168" s="2" t="s">
        <v>546</v>
      </c>
    </row>
    <row r="169" spans="1:12" ht="15.2" customHeight="1">
      <c r="A169" s="2" t="s">
        <v>501</v>
      </c>
      <c r="B169" s="2" t="s">
        <v>262</v>
      </c>
      <c r="C169" s="2" t="s">
        <v>547</v>
      </c>
      <c r="D169" s="2" t="s">
        <v>548</v>
      </c>
      <c r="E169" s="2" t="s">
        <v>90</v>
      </c>
      <c r="F169" s="2" t="s">
        <v>549</v>
      </c>
      <c r="G169" s="3">
        <v>13</v>
      </c>
      <c r="H169" s="2" t="s">
        <v>352</v>
      </c>
      <c r="I169" s="3">
        <v>2016</v>
      </c>
      <c r="J169" s="2" t="s">
        <v>55</v>
      </c>
      <c r="K169" s="2" t="s">
        <v>469</v>
      </c>
      <c r="L169" s="2" t="s">
        <v>550</v>
      </c>
    </row>
    <row r="170" spans="1:12" ht="15.2" customHeight="1">
      <c r="A170" s="2" t="s">
        <v>501</v>
      </c>
      <c r="B170" s="2" t="s">
        <v>480</v>
      </c>
      <c r="C170" s="2" t="s">
        <v>551</v>
      </c>
      <c r="D170" s="2" t="s">
        <v>552</v>
      </c>
      <c r="E170" s="2" t="s">
        <v>90</v>
      </c>
      <c r="F170" s="2" t="s">
        <v>553</v>
      </c>
      <c r="G170" s="3">
        <v>14</v>
      </c>
      <c r="H170" s="2" t="s">
        <v>354</v>
      </c>
      <c r="I170" s="3">
        <v>2016</v>
      </c>
      <c r="J170" s="2" t="s">
        <v>55</v>
      </c>
      <c r="K170" s="2" t="s">
        <v>469</v>
      </c>
      <c r="L170" s="2" t="s">
        <v>554</v>
      </c>
    </row>
    <row r="171" spans="1:12" s="10" customFormat="1" ht="15.2" customHeight="1">
      <c r="A171" s="9" t="s">
        <v>501</v>
      </c>
      <c r="B171" s="9" t="s">
        <v>112</v>
      </c>
      <c r="C171" s="9"/>
      <c r="D171" s="9" t="s">
        <v>555</v>
      </c>
      <c r="E171" s="9" t="s">
        <v>555</v>
      </c>
      <c r="F171" s="9" t="s">
        <v>555</v>
      </c>
      <c r="G171" s="9">
        <v>1</v>
      </c>
      <c r="H171" s="9" t="s">
        <v>132</v>
      </c>
      <c r="I171" s="9">
        <v>2020</v>
      </c>
      <c r="J171" s="9" t="s">
        <v>19</v>
      </c>
      <c r="K171" s="9" t="s">
        <v>556</v>
      </c>
      <c r="L171" s="9"/>
    </row>
    <row r="172" spans="1:12" ht="15.2" customHeight="1">
      <c r="A172" s="2" t="s">
        <v>501</v>
      </c>
      <c r="B172" s="2" t="s">
        <v>119</v>
      </c>
      <c r="C172" s="2" t="s">
        <v>557</v>
      </c>
      <c r="D172" s="2" t="s">
        <v>558</v>
      </c>
      <c r="E172" s="2" t="s">
        <v>559</v>
      </c>
      <c r="F172" s="2" t="s">
        <v>558</v>
      </c>
      <c r="G172" s="3">
        <v>1</v>
      </c>
      <c r="H172" s="2" t="s">
        <v>132</v>
      </c>
      <c r="I172" s="3">
        <v>2018</v>
      </c>
      <c r="J172" s="2" t="s">
        <v>19</v>
      </c>
      <c r="K172" s="2" t="s">
        <v>560</v>
      </c>
      <c r="L172" s="2" t="s">
        <v>561</v>
      </c>
    </row>
    <row r="173" spans="1:12" ht="15.2" customHeight="1">
      <c r="A173" s="2" t="s">
        <v>501</v>
      </c>
      <c r="B173" s="2" t="s">
        <v>124</v>
      </c>
      <c r="C173" s="2"/>
      <c r="D173" s="2" t="s">
        <v>409</v>
      </c>
      <c r="E173" s="2" t="s">
        <v>130</v>
      </c>
      <c r="F173" s="2" t="s">
        <v>131</v>
      </c>
      <c r="G173" s="3">
        <v>2</v>
      </c>
      <c r="H173" s="2" t="s">
        <v>132</v>
      </c>
      <c r="I173" s="3">
        <v>2020</v>
      </c>
      <c r="J173" s="2" t="s">
        <v>19</v>
      </c>
      <c r="K173" s="2" t="s">
        <v>133</v>
      </c>
      <c r="L173" s="2" t="s">
        <v>134</v>
      </c>
    </row>
    <row r="174" spans="1:12" ht="15.2" customHeight="1">
      <c r="A174" s="2" t="s">
        <v>501</v>
      </c>
      <c r="B174" s="2" t="s">
        <v>562</v>
      </c>
      <c r="C174" s="2" t="s">
        <v>412</v>
      </c>
      <c r="D174" s="2" t="s">
        <v>413</v>
      </c>
      <c r="E174" s="2" t="s">
        <v>138</v>
      </c>
      <c r="F174" s="2" t="s">
        <v>414</v>
      </c>
      <c r="G174" s="3">
        <v>3</v>
      </c>
      <c r="H174" s="2" t="s">
        <v>132</v>
      </c>
      <c r="I174" s="3">
        <v>2017</v>
      </c>
      <c r="J174" s="2" t="s">
        <v>19</v>
      </c>
      <c r="K174" s="2" t="s">
        <v>140</v>
      </c>
      <c r="L174" s="2" t="s">
        <v>415</v>
      </c>
    </row>
    <row r="175" spans="1:12" ht="15.2" customHeight="1">
      <c r="A175" s="2" t="s">
        <v>501</v>
      </c>
      <c r="B175" s="2" t="s">
        <v>126</v>
      </c>
      <c r="C175" s="2"/>
      <c r="D175" s="2" t="s">
        <v>555</v>
      </c>
      <c r="E175" s="2" t="s">
        <v>555</v>
      </c>
      <c r="F175" s="2" t="s">
        <v>555</v>
      </c>
      <c r="G175" s="3">
        <v>1</v>
      </c>
      <c r="H175" s="2" t="s">
        <v>132</v>
      </c>
      <c r="I175" s="3">
        <v>2020</v>
      </c>
      <c r="J175" s="2" t="s">
        <v>19</v>
      </c>
      <c r="K175" s="2" t="s">
        <v>556</v>
      </c>
      <c r="L175" s="2"/>
    </row>
    <row r="176" spans="1:12" ht="15.2" customHeight="1">
      <c r="A176" s="2" t="s">
        <v>501</v>
      </c>
      <c r="B176" s="2" t="s">
        <v>271</v>
      </c>
      <c r="C176" s="2" t="s">
        <v>557</v>
      </c>
      <c r="D176" s="2" t="s">
        <v>558</v>
      </c>
      <c r="E176" s="2" t="s">
        <v>559</v>
      </c>
      <c r="F176" s="2" t="s">
        <v>558</v>
      </c>
      <c r="G176" s="3">
        <v>1</v>
      </c>
      <c r="H176" s="2" t="s">
        <v>132</v>
      </c>
      <c r="I176" s="3">
        <v>2018</v>
      </c>
      <c r="J176" s="2" t="s">
        <v>19</v>
      </c>
      <c r="K176" s="2" t="s">
        <v>560</v>
      </c>
      <c r="L176" s="2" t="s">
        <v>561</v>
      </c>
    </row>
    <row r="177" spans="1:12" ht="15.2" customHeight="1">
      <c r="A177" s="2" t="s">
        <v>501</v>
      </c>
      <c r="B177" s="2" t="s">
        <v>272</v>
      </c>
      <c r="C177" s="2" t="s">
        <v>547</v>
      </c>
      <c r="D177" s="2" t="s">
        <v>548</v>
      </c>
      <c r="E177" s="2" t="s">
        <v>90</v>
      </c>
      <c r="F177" s="2" t="s">
        <v>549</v>
      </c>
      <c r="G177" s="3">
        <v>13</v>
      </c>
      <c r="H177" s="2" t="s">
        <v>352</v>
      </c>
      <c r="I177" s="3">
        <v>2016</v>
      </c>
      <c r="J177" s="2" t="s">
        <v>55</v>
      </c>
      <c r="K177" s="2" t="s">
        <v>469</v>
      </c>
      <c r="L177" s="2" t="s">
        <v>550</v>
      </c>
    </row>
    <row r="178" spans="1:12" ht="15.2" customHeight="1">
      <c r="A178" s="2" t="s">
        <v>501</v>
      </c>
      <c r="B178" s="2" t="s">
        <v>499</v>
      </c>
      <c r="C178" s="2" t="s">
        <v>551</v>
      </c>
      <c r="D178" s="2" t="s">
        <v>552</v>
      </c>
      <c r="E178" s="2" t="s">
        <v>90</v>
      </c>
      <c r="F178" s="2" t="s">
        <v>553</v>
      </c>
      <c r="G178" s="3">
        <v>14</v>
      </c>
      <c r="H178" s="2" t="s">
        <v>354</v>
      </c>
      <c r="I178" s="3">
        <v>2016</v>
      </c>
      <c r="J178" s="2" t="s">
        <v>55</v>
      </c>
      <c r="K178" s="2" t="s">
        <v>469</v>
      </c>
      <c r="L178" s="2" t="s">
        <v>554</v>
      </c>
    </row>
    <row r="179" spans="1:12" ht="15.2" customHeight="1">
      <c r="A179" s="2" t="s">
        <v>501</v>
      </c>
      <c r="B179" s="2" t="s">
        <v>563</v>
      </c>
      <c r="C179" s="2" t="s">
        <v>539</v>
      </c>
      <c r="D179" s="2" t="s">
        <v>540</v>
      </c>
      <c r="E179" s="2" t="s">
        <v>90</v>
      </c>
      <c r="F179" s="2" t="s">
        <v>541</v>
      </c>
      <c r="G179" s="3">
        <v>11</v>
      </c>
      <c r="H179" s="2" t="s">
        <v>468</v>
      </c>
      <c r="I179" s="3">
        <v>2016</v>
      </c>
      <c r="J179" s="2" t="s">
        <v>55</v>
      </c>
      <c r="K179" s="2" t="s">
        <v>469</v>
      </c>
      <c r="L179" s="2" t="s">
        <v>542</v>
      </c>
    </row>
    <row r="180" spans="1:12" ht="15.2" customHeight="1">
      <c r="A180" s="2" t="s">
        <v>501</v>
      </c>
      <c r="B180" s="2" t="s">
        <v>564</v>
      </c>
      <c r="C180" s="2" t="s">
        <v>543</v>
      </c>
      <c r="D180" s="2" t="s">
        <v>544</v>
      </c>
      <c r="E180" s="2" t="s">
        <v>90</v>
      </c>
      <c r="F180" s="2" t="s">
        <v>545</v>
      </c>
      <c r="G180" s="3">
        <v>12</v>
      </c>
      <c r="H180" s="2" t="s">
        <v>352</v>
      </c>
      <c r="I180" s="3">
        <v>2016</v>
      </c>
      <c r="J180" s="2" t="s">
        <v>55</v>
      </c>
      <c r="K180" s="2" t="s">
        <v>469</v>
      </c>
      <c r="L180" s="2" t="s">
        <v>546</v>
      </c>
    </row>
    <row r="181" spans="1:12" ht="15.2" customHeight="1">
      <c r="A181" s="2" t="s">
        <v>501</v>
      </c>
      <c r="B181" s="2" t="s">
        <v>142</v>
      </c>
      <c r="C181" s="2" t="s">
        <v>514</v>
      </c>
      <c r="D181" s="2" t="s">
        <v>515</v>
      </c>
      <c r="E181" s="2" t="s">
        <v>32</v>
      </c>
      <c r="F181" s="2" t="s">
        <v>516</v>
      </c>
      <c r="G181" s="3">
        <v>4</v>
      </c>
      <c r="H181" s="2" t="s">
        <v>132</v>
      </c>
      <c r="I181" s="3">
        <v>2019</v>
      </c>
      <c r="J181" s="2" t="s">
        <v>19</v>
      </c>
      <c r="K181" s="2" t="s">
        <v>34</v>
      </c>
      <c r="L181" s="2" t="s">
        <v>517</v>
      </c>
    </row>
    <row r="182" spans="1:12" ht="15.2" customHeight="1">
      <c r="A182" s="2" t="s">
        <v>501</v>
      </c>
      <c r="B182" s="2" t="s">
        <v>274</v>
      </c>
      <c r="C182" s="2" t="s">
        <v>374</v>
      </c>
      <c r="D182" s="2" t="s">
        <v>375</v>
      </c>
      <c r="E182" s="2" t="s">
        <v>32</v>
      </c>
      <c r="F182" s="2" t="s">
        <v>376</v>
      </c>
      <c r="G182" s="3">
        <v>1</v>
      </c>
      <c r="H182" s="2" t="s">
        <v>132</v>
      </c>
      <c r="I182" s="3">
        <v>2019</v>
      </c>
      <c r="J182" s="2" t="s">
        <v>19</v>
      </c>
      <c r="K182" s="2" t="s">
        <v>34</v>
      </c>
      <c r="L182" s="2" t="s">
        <v>377</v>
      </c>
    </row>
    <row r="183" spans="1:12" ht="0" hidden="1" customHeight="1"/>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0-10-27T08:47:33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